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6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7A490F-5779-9DEC-B035-0D0B915330F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562EAB9-AFC3-3FA2-6103-32E4657E38C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DF406E-411C-461D-2029-0A2172AAF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A38ADE0-EF56-1B19-725B-DCCC632584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116647-B77D-9A7B-67A8-97C0DECFF7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73228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1C1D3C-256D-B599-67BE-8C57FE807A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7E42CC5-813C-227B-4BE8-258570A9C2D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119BA10-3F7E-3274-84A6-173B699215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93118E8-4A2F-E06A-54A7-A5759311D5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9D154F-1A2D-7135-03FE-18EF0800B1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30104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8EBD51D-6CA6-6A2E-41AD-F895055A7C2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2230C15-155B-A7CB-F1AE-DF8B0DB0152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2070D7-6AB8-A316-54A2-9D5EB040A6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C52371-8EC5-CDC5-E38F-01BE9B5923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BD11A1-09AC-567C-00BA-7FE8E8ECCE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68376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D1C074-3C3E-36C1-4D77-40E9104D13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6A8267A-A80D-A129-179F-2EA12635DE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3BF26C-0512-9EAC-3D5F-0232C57D1B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A978135-7880-4E63-D6DE-26D503C1B9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006E9DD-7834-D45A-BBCC-3ABCA94CE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32313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F46571-26AD-FB9E-19E6-13CE5A1E2D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7180D9C-20E1-2262-9694-5CF9F9FFAF2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B6A07A-077D-F990-9642-62888AE99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07C2E6-989D-132A-A9F0-8695FEEC05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3656F2-5A38-3F40-0BC2-4000D273EA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67235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74A014-C77C-A735-6495-F0EECCE1D3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20FEE5-A096-73EE-8C17-7ECB9A2D2B0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748656-ED60-8614-427B-CD7FB1DE012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8E8258-6B51-1981-2CD9-696B2B1C8D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18213A7-0F9B-6F39-A25C-BFA16AEC2C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84E5A9-1EFF-6688-A297-91B324BD0A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05043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B8DCFF-8731-2F62-DE3C-C407791618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40FF8CD-C112-3A7B-DB01-81000C6FD9B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767FDDF-A209-9169-3FAC-FAE3E0CAEB8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2D34FEE-31EA-DA49-D439-2BB3A0C8089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99439CD-15BF-F08F-96D1-41B2669D1BB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C70E09B-29C9-7666-6F3A-1306E2FFBE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9C8F116-DAE0-FE22-935A-90711CCABA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5F5552E-0B55-9AE2-8F6B-6B923A225C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97322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C4C953-A046-5839-A9EE-B895960D7F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77EE25-AE5C-7611-3A80-52AC7E471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85080FD-5727-84BF-56A1-5381088CEE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B9179C2-7955-F326-8395-80F730D608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779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1EDDD45-8412-6A14-A2AC-0D7865443C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E5A6D6A-EF8F-EB3B-4AAF-FB54F0B336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386023-3128-9168-BCB9-4CE18DAC4C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03725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CA5EBD-A289-B7BF-C9F2-899478562F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A55CA3-222B-EE13-BD18-9CFC7A2F1C8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7B784DD-A355-7D74-CB4D-C9C08628854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9DF8DED-3E44-C314-8FEE-124555EA19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789B422-0C48-268E-DCBA-E522D44492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5CBB66B-1249-70CD-BBFC-40FFF2A954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15485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6455DD-A975-2A84-FE9C-E78C79E598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30EF4F8-4834-1EA3-2E07-5C62DE02908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FF0F7DC-FD0F-CD02-25A5-C75C67C282C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CEBC3E-778E-0533-4068-55A90E4E61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C0BBDDD-9ACB-522D-EA70-DB61693441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1AF0F7-3E7D-A595-62F0-825FDDE6E2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580410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7458FAF-3F7E-EEC2-98F0-05BE8094BD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8ADC4A-98FD-60B5-0C24-A504BD696C6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5418473-6E4E-340A-4450-D750AE0B7FD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999CE0-7491-4108-9F96-4A69909D5D0D}" type="datetimeFigureOut">
              <a:rPr lang="en-US" smtClean="0"/>
              <a:t>9/7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04A603D-7DE7-3DD7-1F5E-DA5E1992819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ED4044-FD50-F844-E0A3-59D5ACECC4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8492F75-E887-4A54-96B4-F932E24EE1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46720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68" Type="http://schemas.openxmlformats.org/officeDocument/2006/relationships/tags" Target="../tags/tag268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2" Type="http://schemas.openxmlformats.org/officeDocument/2006/relationships/tags" Target="../tags/tag202.xml"/><Relationship Id="rId207" Type="http://schemas.openxmlformats.org/officeDocument/2006/relationships/tags" Target="../tags/tag207.xml"/><Relationship Id="rId223" Type="http://schemas.openxmlformats.org/officeDocument/2006/relationships/tags" Target="../tags/tag223.xml"/><Relationship Id="rId228" Type="http://schemas.openxmlformats.org/officeDocument/2006/relationships/tags" Target="../tags/tag228.xml"/><Relationship Id="rId244" Type="http://schemas.openxmlformats.org/officeDocument/2006/relationships/tags" Target="../tags/tag244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65" Type="http://schemas.openxmlformats.org/officeDocument/2006/relationships/tags" Target="../tags/tag265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55" Type="http://schemas.openxmlformats.org/officeDocument/2006/relationships/tags" Target="../tags/tag255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261" Type="http://schemas.openxmlformats.org/officeDocument/2006/relationships/tags" Target="../tags/tag261.xml"/><Relationship Id="rId266" Type="http://schemas.openxmlformats.org/officeDocument/2006/relationships/tags" Target="../tags/tag266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72" Type="http://schemas.openxmlformats.org/officeDocument/2006/relationships/tags" Target="../tags/tag27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262" Type="http://schemas.openxmlformats.org/officeDocument/2006/relationships/tags" Target="../tags/tag262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slideLayout" Target="../slideLayouts/slideLayout7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OTLSHAPE_SL_d0a0bb0d1fc041dcae3f3d5d731aa83b_BackgroundRectangle">
            <a:extLst>
              <a:ext uri="{FF2B5EF4-FFF2-40B4-BE49-F238E27FC236}">
                <a16:creationId xmlns:a16="http://schemas.microsoft.com/office/drawing/2014/main" id="{C6FAA9CD-30A5-66AE-9668-DC9A3561F37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38400"/>
            <a:ext cx="112903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e5f2b54cc09b484697a60147fb763d90_BackgroundRectangle">
            <a:extLst>
              <a:ext uri="{FF2B5EF4-FFF2-40B4-BE49-F238E27FC236}">
                <a16:creationId xmlns:a16="http://schemas.microsoft.com/office/drawing/2014/main" id="{9FFF5C6A-15C0-C3FD-ED20-5E75F37F8F5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14700"/>
            <a:ext cx="112903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19867ef1ce2b46c8888ac5094bd46420_BackgroundRectangle">
            <a:extLst>
              <a:ext uri="{FF2B5EF4-FFF2-40B4-BE49-F238E27FC236}">
                <a16:creationId xmlns:a16="http://schemas.microsoft.com/office/drawing/2014/main" id="{437704A2-74C3-2665-F458-399B05318CC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924300"/>
            <a:ext cx="112903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3754e4ef8c3743a883ff89bf12bd931a_BackgroundRectangle">
            <a:extLst>
              <a:ext uri="{FF2B5EF4-FFF2-40B4-BE49-F238E27FC236}">
                <a16:creationId xmlns:a16="http://schemas.microsoft.com/office/drawing/2014/main" id="{70243446-6289-AE97-1D9D-E8DFB9FB209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33900"/>
            <a:ext cx="112903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" name="OTLSHAPE_SL2A_5a1e4072246a4b02ba3ddb06ceb96c97_BackgroundRectangle" hidden="1">
            <a:extLst>
              <a:ext uri="{FF2B5EF4-FFF2-40B4-BE49-F238E27FC236}">
                <a16:creationId xmlns:a16="http://schemas.microsoft.com/office/drawing/2014/main" id="{D789D754-9CDB-DE7E-AC97-C625EB15898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17917" y="2438400"/>
            <a:ext cx="10236200" cy="8128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0" name="OTLSHAPE_SL2A_5ded087f76a3494dab6ebf1e8324357b_BackgroundRectangle" hidden="1">
            <a:extLst>
              <a:ext uri="{FF2B5EF4-FFF2-40B4-BE49-F238E27FC236}">
                <a16:creationId xmlns:a16="http://schemas.microsoft.com/office/drawing/2014/main" id="{3826A705-61DC-251F-9E62-7799F777A0F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17917" y="3314700"/>
            <a:ext cx="10236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9" name="OTLSHAPE_SL2A_14f393b4d0b04e168010d31197a7e4fd_BackgroundRectangle" hidden="1">
            <a:extLst>
              <a:ext uri="{FF2B5EF4-FFF2-40B4-BE49-F238E27FC236}">
                <a16:creationId xmlns:a16="http://schemas.microsoft.com/office/drawing/2014/main" id="{4E5DEA8D-C353-9CCC-3C12-05D34F57366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17917" y="3924300"/>
            <a:ext cx="10236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0" name="OTLSHAPE_SL2A_abd84867312e4d4eb830568b6266c24f_BackgroundRectangle" hidden="1">
            <a:extLst>
              <a:ext uri="{FF2B5EF4-FFF2-40B4-BE49-F238E27FC236}">
                <a16:creationId xmlns:a16="http://schemas.microsoft.com/office/drawing/2014/main" id="{AB61D964-6DD2-1802-F0EF-5F78FBA128B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17917" y="4533900"/>
            <a:ext cx="102362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" name="OTLSHAPE_TB_00000000000000000000000000000000_LeftEndCaps" hidden="1">
            <a:extLst>
              <a:ext uri="{FF2B5EF4-FFF2-40B4-BE49-F238E27FC236}">
                <a16:creationId xmlns:a16="http://schemas.microsoft.com/office/drawing/2014/main" id="{62FFAF8E-816F-72C1-1F2E-D6BF6129B2A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707" name="OTLSHAPE_TB_00000000000000000000000000000000_RightEndCaps" hidden="1">
            <a:extLst>
              <a:ext uri="{FF2B5EF4-FFF2-40B4-BE49-F238E27FC236}">
                <a16:creationId xmlns:a16="http://schemas.microsoft.com/office/drawing/2014/main" id="{EAC6F68A-80BB-38D2-3CA3-5D7BBA7FA40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6" name="OTLSHAPE_SL_d0a0bb0d1fc041dcae3f3d5d731aa83b_HeaderRectangle">
            <a:extLst>
              <a:ext uri="{FF2B5EF4-FFF2-40B4-BE49-F238E27FC236}">
                <a16:creationId xmlns:a16="http://schemas.microsoft.com/office/drawing/2014/main" id="{840D93E7-04B3-71E3-E6B4-8BD625FC077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438400"/>
            <a:ext cx="1066800" cy="812800"/>
          </a:xfrm>
          <a:prstGeom prst="rect">
            <a:avLst/>
          </a:prstGeom>
          <a:solidFill>
            <a:schemeClr val="dk2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e5f2b54cc09b484697a60147fb763d90_HeaderRectangle">
            <a:extLst>
              <a:ext uri="{FF2B5EF4-FFF2-40B4-BE49-F238E27FC236}">
                <a16:creationId xmlns:a16="http://schemas.microsoft.com/office/drawing/2014/main" id="{3C2BC7D4-AE30-21D8-1FE1-84BA452FA7E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314700"/>
            <a:ext cx="1066800" cy="546100"/>
          </a:xfrm>
          <a:prstGeom prst="rect">
            <a:avLst/>
          </a:prstGeom>
          <a:solidFill>
            <a:schemeClr val="dk2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19867ef1ce2b46c8888ac5094bd46420_HeaderRectangle">
            <a:extLst>
              <a:ext uri="{FF2B5EF4-FFF2-40B4-BE49-F238E27FC236}">
                <a16:creationId xmlns:a16="http://schemas.microsoft.com/office/drawing/2014/main" id="{CFADFB4F-F98E-A984-BB2D-3F8E10EF6D3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924300"/>
            <a:ext cx="1066800" cy="546100"/>
          </a:xfrm>
          <a:prstGeom prst="rect">
            <a:avLst/>
          </a:prstGeom>
          <a:solidFill>
            <a:schemeClr val="dk2">
              <a:alpha val="92549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3754e4ef8c3743a883ff89bf12bd931a_HeaderRectangle">
            <a:extLst>
              <a:ext uri="{FF2B5EF4-FFF2-40B4-BE49-F238E27FC236}">
                <a16:creationId xmlns:a16="http://schemas.microsoft.com/office/drawing/2014/main" id="{A03FF778-E6D0-57A5-16D3-F17AE776AFC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533900"/>
            <a:ext cx="1066800" cy="546100"/>
          </a:xfrm>
          <a:prstGeom prst="rect">
            <a:avLst/>
          </a:prstGeom>
          <a:solidFill>
            <a:schemeClr val="dk2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TB_00000000000000000000000000000000_ScaleContainer">
            <a:extLst>
              <a:ext uri="{FF2B5EF4-FFF2-40B4-BE49-F238E27FC236}">
                <a16:creationId xmlns:a16="http://schemas.microsoft.com/office/drawing/2014/main" id="{2712DC3D-A202-C0D4-B1FE-1491E388353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44917" y="5143500"/>
            <a:ext cx="10109200" cy="254000"/>
          </a:xfrm>
          <a:prstGeom prst="roundRect">
            <a:avLst/>
          </a:prstGeom>
          <a:solidFill>
            <a:srgbClr val="3A3A3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" name="OTLSHAPE_SL2A_5a1e4072246a4b02ba3ddb06ceb96c97_HeaderRectangle" hidden="1">
            <a:extLst>
              <a:ext uri="{FF2B5EF4-FFF2-40B4-BE49-F238E27FC236}">
                <a16:creationId xmlns:a16="http://schemas.microsoft.com/office/drawing/2014/main" id="{CF96D5A1-B5EE-3384-95D2-A0F699459BF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17917" y="24384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8" name="OTLSHAPE_SL2A_5ded087f76a3494dab6ebf1e8324357b_HeaderRectangle" hidden="1">
            <a:extLst>
              <a:ext uri="{FF2B5EF4-FFF2-40B4-BE49-F238E27FC236}">
                <a16:creationId xmlns:a16="http://schemas.microsoft.com/office/drawing/2014/main" id="{0EC09DFE-19A6-B45F-5BED-6F334B30335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17917" y="33147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7" name="OTLSHAPE_SL2A_14f393b4d0b04e168010d31197a7e4fd_HeaderRectangle" hidden="1">
            <a:extLst>
              <a:ext uri="{FF2B5EF4-FFF2-40B4-BE49-F238E27FC236}">
                <a16:creationId xmlns:a16="http://schemas.microsoft.com/office/drawing/2014/main" id="{D2C84AFC-1EE0-9DE8-1DC0-CB10E65F463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17917" y="3924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8" name="OTLSHAPE_SL2A_abd84867312e4d4eb830568b6266c24f_HeaderRectangle" hidden="1">
            <a:extLst>
              <a:ext uri="{FF2B5EF4-FFF2-40B4-BE49-F238E27FC236}">
                <a16:creationId xmlns:a16="http://schemas.microsoft.com/office/drawing/2014/main" id="{9ABB85CC-4850-4422-11DE-6C7AD95511A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17917" y="45339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8" name="OTLSHAPE_G_00000000000000000000000000000000_ShapeAbove0">
            <a:extLst>
              <a:ext uri="{FF2B5EF4-FFF2-40B4-BE49-F238E27FC236}">
                <a16:creationId xmlns:a16="http://schemas.microsoft.com/office/drawing/2014/main" id="{4BB3745D-FDB3-D014-24F6-D7C52086B29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735973" y="2438400"/>
            <a:ext cx="0" cy="2705100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G_00000000000000000000000000000000_ShapeAbove1">
            <a:extLst>
              <a:ext uri="{FF2B5EF4-FFF2-40B4-BE49-F238E27FC236}">
                <a16:creationId xmlns:a16="http://schemas.microsoft.com/office/drawing/2014/main" id="{63D848E7-44A0-6F69-0258-A1BB29BEC8C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254708" y="2438400"/>
            <a:ext cx="0" cy="2705100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G_00000000000000000000000000000000_ShapeAbove2">
            <a:extLst>
              <a:ext uri="{FF2B5EF4-FFF2-40B4-BE49-F238E27FC236}">
                <a16:creationId xmlns:a16="http://schemas.microsoft.com/office/drawing/2014/main" id="{82D60D87-5B93-24DF-619A-B0C157CCF6A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801121" y="2438400"/>
            <a:ext cx="0" cy="2705100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5" name="OTLSHAPE_SLT_65669134d18a43e28959dc972ef27252_Shape">
            <a:extLst>
              <a:ext uri="{FF2B5EF4-FFF2-40B4-BE49-F238E27FC236}">
                <a16:creationId xmlns:a16="http://schemas.microsoft.com/office/drawing/2014/main" id="{F6E4BF40-0F29-8D66-DF61-147A8C19184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763633" y="24765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" name="OTLSHAPE_SLT_26615f3a416d4a0a83511ad17e513011_Shape">
            <a:extLst>
              <a:ext uri="{FF2B5EF4-FFF2-40B4-BE49-F238E27FC236}">
                <a16:creationId xmlns:a16="http://schemas.microsoft.com/office/drawing/2014/main" id="{4067B0BB-75E1-0449-9F97-EABC44CE18E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72576" y="2476500"/>
            <a:ext cx="2463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" name="OTLSHAPE_SLT_561d3f347d1b454491ac4de9797a3f4d_Shape">
            <a:extLst>
              <a:ext uri="{FF2B5EF4-FFF2-40B4-BE49-F238E27FC236}">
                <a16:creationId xmlns:a16="http://schemas.microsoft.com/office/drawing/2014/main" id="{ADAE4028-207A-EE35-5CAE-BA718EE7B23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282367" y="2476500"/>
            <a:ext cx="2527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1" name="OTLSHAPE_SLT_c81b46d3284c4b8b8f210faa2910f49b_Shape">
            <a:extLst>
              <a:ext uri="{FF2B5EF4-FFF2-40B4-BE49-F238E27FC236}">
                <a16:creationId xmlns:a16="http://schemas.microsoft.com/office/drawing/2014/main" id="{919C98F0-5FA9-E12D-3B10-DBFC59C0D1C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828780" y="24765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3" name="OTLSHAPE_SLT_7d30f63091b24132a25eda5308550207_Shape">
            <a:extLst>
              <a:ext uri="{FF2B5EF4-FFF2-40B4-BE49-F238E27FC236}">
                <a16:creationId xmlns:a16="http://schemas.microsoft.com/office/drawing/2014/main" id="{F503978D-8D48-ED7D-1ABC-AFDAE92F28F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828780" y="27432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5" name="OTLSHAPE_SLT_72be62e6ebdb4d34b9b4b9a34c7a67a2_Shape">
            <a:extLst>
              <a:ext uri="{FF2B5EF4-FFF2-40B4-BE49-F238E27FC236}">
                <a16:creationId xmlns:a16="http://schemas.microsoft.com/office/drawing/2014/main" id="{8166A483-66A1-DE5B-D9F1-873FBCD1F3F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282367" y="2743200"/>
            <a:ext cx="2527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7" name="OTLSHAPE_SLT_2f0049de037c4d98b448cb5708a41978_Shape">
            <a:extLst>
              <a:ext uri="{FF2B5EF4-FFF2-40B4-BE49-F238E27FC236}">
                <a16:creationId xmlns:a16="http://schemas.microsoft.com/office/drawing/2014/main" id="{58CE572C-70CD-17C3-5A89-BB04373AE29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763633" y="27432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" name="OTLSHAPE_SLT_ec84c2ee6c2549fb9b16456a8d18672a_Shape">
            <a:extLst>
              <a:ext uri="{FF2B5EF4-FFF2-40B4-BE49-F238E27FC236}">
                <a16:creationId xmlns:a16="http://schemas.microsoft.com/office/drawing/2014/main" id="{C64C1FBF-2B1C-C045-F687-27556B7EC6D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2576" y="2743200"/>
            <a:ext cx="2463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1" name="OTLSHAPE_SLT_e67d4377e76b44619b5f96f22e20553f_Shape">
            <a:extLst>
              <a:ext uri="{FF2B5EF4-FFF2-40B4-BE49-F238E27FC236}">
                <a16:creationId xmlns:a16="http://schemas.microsoft.com/office/drawing/2014/main" id="{36385541-F559-EAA8-C2A2-CB67F9308E7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63633" y="30099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3" name="OTLSHAPE_SLT_996106ec719e44a792f941c5b94682d2_Shape">
            <a:extLst>
              <a:ext uri="{FF2B5EF4-FFF2-40B4-BE49-F238E27FC236}">
                <a16:creationId xmlns:a16="http://schemas.microsoft.com/office/drawing/2014/main" id="{4A975615-2929-9FDE-251B-1A752122283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2576" y="3352800"/>
            <a:ext cx="2463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" name="OTLSHAPE_SLT_a9b441df44f14c26b0dc7a35c1e77544_Shape">
            <a:extLst>
              <a:ext uri="{FF2B5EF4-FFF2-40B4-BE49-F238E27FC236}">
                <a16:creationId xmlns:a16="http://schemas.microsoft.com/office/drawing/2014/main" id="{ECABA47A-2E96-EE67-F2A5-A27CDF7F00A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63633" y="33528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1" name="OTLSHAPE_SLT_c50386891f134416b9ad455500a37216_Shape">
            <a:extLst>
              <a:ext uri="{FF2B5EF4-FFF2-40B4-BE49-F238E27FC236}">
                <a16:creationId xmlns:a16="http://schemas.microsoft.com/office/drawing/2014/main" id="{F888F125-2400-5D5F-4F8F-A2C2875C961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63633" y="36195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5" name="OTLSHAPE_SLT_05283520da234ae8a19a1c0b41ee5232_Shape">
            <a:extLst>
              <a:ext uri="{FF2B5EF4-FFF2-40B4-BE49-F238E27FC236}">
                <a16:creationId xmlns:a16="http://schemas.microsoft.com/office/drawing/2014/main" id="{89F5BB2A-4084-08E2-B7C3-EF47D72511F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72576" y="3962400"/>
            <a:ext cx="2463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" name="OTLSHAPE_SLT_9a0a7235681346219551fc85138bf6c0_Shape">
            <a:extLst>
              <a:ext uri="{FF2B5EF4-FFF2-40B4-BE49-F238E27FC236}">
                <a16:creationId xmlns:a16="http://schemas.microsoft.com/office/drawing/2014/main" id="{E91DED83-BEFA-BFB5-BF51-9F17D3C9DB7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63633" y="39624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SLT_9d191bd58b0747ff8ea9f61162766073_Shape">
            <a:extLst>
              <a:ext uri="{FF2B5EF4-FFF2-40B4-BE49-F238E27FC236}">
                <a16:creationId xmlns:a16="http://schemas.microsoft.com/office/drawing/2014/main" id="{1764B8D1-E098-CF4F-13DE-C9943F88466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63633" y="42291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5" name="OTLSHAPE_SLT_f6ee8af8302d48aa90fdcc3e1054b92e_Shape">
            <a:extLst>
              <a:ext uri="{FF2B5EF4-FFF2-40B4-BE49-F238E27FC236}">
                <a16:creationId xmlns:a16="http://schemas.microsoft.com/office/drawing/2014/main" id="{4611C2C7-2705-1A33-FCF6-5A65218E263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72576" y="4229100"/>
            <a:ext cx="2463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1" name="OTLSHAPE_SLT_67349c8949874bc78f618b3639315dd9_Shape">
            <a:extLst>
              <a:ext uri="{FF2B5EF4-FFF2-40B4-BE49-F238E27FC236}">
                <a16:creationId xmlns:a16="http://schemas.microsoft.com/office/drawing/2014/main" id="{8A99C13D-F322-7FA9-8859-403A5C2D48B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72576" y="4572000"/>
            <a:ext cx="2463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3" name="OTLSHAPE_SLT_5181f07ab36c46c6b90a7871ee228941_Shape">
            <a:extLst>
              <a:ext uri="{FF2B5EF4-FFF2-40B4-BE49-F238E27FC236}">
                <a16:creationId xmlns:a16="http://schemas.microsoft.com/office/drawing/2014/main" id="{4AD2D053-D8E2-CCE5-F629-2740DE75D07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63633" y="45720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" name="OTLSHAPE_SLT_940bc3d51d26456abc1a5b5861ce0da9_Shape">
            <a:extLst>
              <a:ext uri="{FF2B5EF4-FFF2-40B4-BE49-F238E27FC236}">
                <a16:creationId xmlns:a16="http://schemas.microsoft.com/office/drawing/2014/main" id="{F0329704-6F18-89AF-806F-CE75CCA7CB8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763633" y="4838700"/>
            <a:ext cx="25019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" name="OTLSHAPE_SLT_f06ad141bc484c2d82d15fada2d07710_Shape">
            <a:extLst>
              <a:ext uri="{FF2B5EF4-FFF2-40B4-BE49-F238E27FC236}">
                <a16:creationId xmlns:a16="http://schemas.microsoft.com/office/drawing/2014/main" id="{D11AA2BC-84F3-3525-1F6D-7D281E21F79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282367" y="3352800"/>
            <a:ext cx="2527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9" name="OTLSHAPE_SLT_914556570e8041a6831b773ee2e33f67_Shape">
            <a:extLst>
              <a:ext uri="{FF2B5EF4-FFF2-40B4-BE49-F238E27FC236}">
                <a16:creationId xmlns:a16="http://schemas.microsoft.com/office/drawing/2014/main" id="{AE6A95D0-4C82-F8B7-D82A-93F3AB2CAC4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828780" y="33528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3" name="OTLSHAPE_SLT_393185698fff41f28e821ff9e2fe0cbe_Shape">
            <a:extLst>
              <a:ext uri="{FF2B5EF4-FFF2-40B4-BE49-F238E27FC236}">
                <a16:creationId xmlns:a16="http://schemas.microsoft.com/office/drawing/2014/main" id="{A8A9A816-7BE2-3D77-91F0-44FE5F97C80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828780" y="36195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9" name="OTLSHAPE_SLT_72fa1b56253c4712929fed5c7e59d9c5_Shape">
            <a:extLst>
              <a:ext uri="{FF2B5EF4-FFF2-40B4-BE49-F238E27FC236}">
                <a16:creationId xmlns:a16="http://schemas.microsoft.com/office/drawing/2014/main" id="{1955C0B6-DDB3-5A86-2A9D-4BB0E15B0A9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282367" y="3962400"/>
            <a:ext cx="2527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1" name="OTLSHAPE_SLT_83a720603937402a911205c9ff475ed1_Shape">
            <a:extLst>
              <a:ext uri="{FF2B5EF4-FFF2-40B4-BE49-F238E27FC236}">
                <a16:creationId xmlns:a16="http://schemas.microsoft.com/office/drawing/2014/main" id="{C5029AFB-DC61-CDF0-9BDF-3D09BD50C8B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28780" y="39624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7" name="OTLSHAPE_SLT_36c6401236dc4264b455bf05d8abb315_Shape">
            <a:extLst>
              <a:ext uri="{FF2B5EF4-FFF2-40B4-BE49-F238E27FC236}">
                <a16:creationId xmlns:a16="http://schemas.microsoft.com/office/drawing/2014/main" id="{619B59AF-02B0-693E-F4BC-E29854DD043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282367" y="4229100"/>
            <a:ext cx="2527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9" name="OTLSHAPE_SLT_f9207725c3b24cc7a4bbb5b7896fb8ad_Shape">
            <a:extLst>
              <a:ext uri="{FF2B5EF4-FFF2-40B4-BE49-F238E27FC236}">
                <a16:creationId xmlns:a16="http://schemas.microsoft.com/office/drawing/2014/main" id="{F268CC10-1B92-6533-21BC-59A3832F9D0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828780" y="42291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5" name="OTLSHAPE_SLT_2f35635629784a0690b9d9a08492bacb_Shape">
            <a:extLst>
              <a:ext uri="{FF2B5EF4-FFF2-40B4-BE49-F238E27FC236}">
                <a16:creationId xmlns:a16="http://schemas.microsoft.com/office/drawing/2014/main" id="{5B317FF0-7FAE-F5BA-1CFC-31ECE2BF559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282367" y="4572000"/>
            <a:ext cx="2527300" cy="2032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7" name="OTLSHAPE_SLT_0996a1131df04736bc034131d51155c7_Shape">
            <a:extLst>
              <a:ext uri="{FF2B5EF4-FFF2-40B4-BE49-F238E27FC236}">
                <a16:creationId xmlns:a16="http://schemas.microsoft.com/office/drawing/2014/main" id="{16085E07-F545-42A1-C0EC-D4DFACEFB45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828780" y="45720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1" name="OTLSHAPE_SLT_afa9a1fcfac3457e9b5b54bbd160144f_Shape">
            <a:extLst>
              <a:ext uri="{FF2B5EF4-FFF2-40B4-BE49-F238E27FC236}">
                <a16:creationId xmlns:a16="http://schemas.microsoft.com/office/drawing/2014/main" id="{80F78AC5-9DAE-29E6-6E56-E29092C7AEC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828780" y="4838700"/>
            <a:ext cx="2527300" cy="2032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" name="OTLSHAPE_TB_00000000000000000000000000000000_ElapsedTime" hidden="1">
            <a:extLst>
              <a:ext uri="{FF2B5EF4-FFF2-40B4-BE49-F238E27FC236}">
                <a16:creationId xmlns:a16="http://schemas.microsoft.com/office/drawing/2014/main" id="{C11BCF10-7A49-AEFA-16D7-710B279B5EC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244917" y="5143500"/>
            <a:ext cx="0" cy="0"/>
          </a:xfrm>
          <a:prstGeom prst="roundRect">
            <a:avLst/>
          </a:prstGeom>
          <a:solidFill>
            <a:srgbClr val="B20E12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SLT_65669134d18a43e28959dc972ef27252_ShapePercentage" hidden="1">
            <a:extLst>
              <a:ext uri="{FF2B5EF4-FFF2-40B4-BE49-F238E27FC236}">
                <a16:creationId xmlns:a16="http://schemas.microsoft.com/office/drawing/2014/main" id="{18A05258-DFF7-AAEE-DDAC-A66CD401455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763633" y="24765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" name="OTLSHAPE_SLT_26615f3a416d4a0a83511ad17e513011_ShapePercentage" hidden="1">
            <a:extLst>
              <a:ext uri="{FF2B5EF4-FFF2-40B4-BE49-F238E27FC236}">
                <a16:creationId xmlns:a16="http://schemas.microsoft.com/office/drawing/2014/main" id="{2A8C58DE-6A7D-FF66-03CE-67DCCFE985E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272576" y="24765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SLT_561d3f347d1b454491ac4de9797a3f4d_ShapePercentage" hidden="1">
            <a:extLst>
              <a:ext uri="{FF2B5EF4-FFF2-40B4-BE49-F238E27FC236}">
                <a16:creationId xmlns:a16="http://schemas.microsoft.com/office/drawing/2014/main" id="{7AC7C961-9833-33FF-14A8-FA0C63C78E4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282367" y="24765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SLT_c81b46d3284c4b8b8f210faa2910f49b_ShapePercentage" hidden="1">
            <a:extLst>
              <a:ext uri="{FF2B5EF4-FFF2-40B4-BE49-F238E27FC236}">
                <a16:creationId xmlns:a16="http://schemas.microsoft.com/office/drawing/2014/main" id="{72EF46BB-D1DA-9A47-10D8-66ED506EFC5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828780" y="24765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" name="OTLSHAPE_SLT_7d30f63091b24132a25eda5308550207_ShapePercentage" hidden="1">
            <a:extLst>
              <a:ext uri="{FF2B5EF4-FFF2-40B4-BE49-F238E27FC236}">
                <a16:creationId xmlns:a16="http://schemas.microsoft.com/office/drawing/2014/main" id="{7605802E-5CF1-F1B8-CFE9-02B8146AC3E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828780" y="27432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4" name="OTLSHAPE_SLT_72be62e6ebdb4d34b9b4b9a34c7a67a2_ShapePercentage" hidden="1">
            <a:extLst>
              <a:ext uri="{FF2B5EF4-FFF2-40B4-BE49-F238E27FC236}">
                <a16:creationId xmlns:a16="http://schemas.microsoft.com/office/drawing/2014/main" id="{5C85B83E-D69D-7D6C-0F24-4860502D0D0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282367" y="27432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0" name="OTLSHAPE_SLT_2f0049de037c4d98b448cb5708a41978_ShapePercentage" hidden="1">
            <a:extLst>
              <a:ext uri="{FF2B5EF4-FFF2-40B4-BE49-F238E27FC236}">
                <a16:creationId xmlns:a16="http://schemas.microsoft.com/office/drawing/2014/main" id="{B7D7E5DA-D79E-AFD3-94BF-77BC460F55A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763633" y="27432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6" name="OTLSHAPE_SLT_ec84c2ee6c2549fb9b16456a8d18672a_ShapePercentage" hidden="1">
            <a:extLst>
              <a:ext uri="{FF2B5EF4-FFF2-40B4-BE49-F238E27FC236}">
                <a16:creationId xmlns:a16="http://schemas.microsoft.com/office/drawing/2014/main" id="{6C8C56E5-C0BD-3708-5BD7-BA6E30734D1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272576" y="27432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" name="OTLSHAPE_SLT_e67d4377e76b44619b5f96f22e20553f_ShapePercentage" hidden="1">
            <a:extLst>
              <a:ext uri="{FF2B5EF4-FFF2-40B4-BE49-F238E27FC236}">
                <a16:creationId xmlns:a16="http://schemas.microsoft.com/office/drawing/2014/main" id="{7D882208-BBC3-7C01-E488-A5B7835C52F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763633" y="30099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1" name="OTLSHAPE_SLT_996106ec719e44a792f941c5b94682d2_ShapePercentage" hidden="1">
            <a:extLst>
              <a:ext uri="{FF2B5EF4-FFF2-40B4-BE49-F238E27FC236}">
                <a16:creationId xmlns:a16="http://schemas.microsoft.com/office/drawing/2014/main" id="{4D207264-90F3-2EDC-31C5-F3964DB6A11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272576" y="33528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7" name="OTLSHAPE_SLT_a9b441df44f14c26b0dc7a35c1e77544_ShapePercentage" hidden="1">
            <a:extLst>
              <a:ext uri="{FF2B5EF4-FFF2-40B4-BE49-F238E27FC236}">
                <a16:creationId xmlns:a16="http://schemas.microsoft.com/office/drawing/2014/main" id="{BA097B49-A803-D0C7-7976-E3E9A77F313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763633" y="33528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" name="OTLSHAPE_SLT_f06ad141bc484c2d82d15fada2d07710_ShapePercentage" hidden="1">
            <a:extLst>
              <a:ext uri="{FF2B5EF4-FFF2-40B4-BE49-F238E27FC236}">
                <a16:creationId xmlns:a16="http://schemas.microsoft.com/office/drawing/2014/main" id="{924E26D4-8467-FBB2-97AF-2C2C2FF47A6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282367" y="33528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9" name="OTLSHAPE_SLT_914556570e8041a6831b773ee2e33f67_ShapePercentage" hidden="1">
            <a:extLst>
              <a:ext uri="{FF2B5EF4-FFF2-40B4-BE49-F238E27FC236}">
                <a16:creationId xmlns:a16="http://schemas.microsoft.com/office/drawing/2014/main" id="{012253E9-6754-A004-58D8-A2AC3411A5F9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828780" y="33528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5" name="OTLSHAPE_SLT_c50386891f134416b9ad455500a37216_ShapePercentage" hidden="1">
            <a:extLst>
              <a:ext uri="{FF2B5EF4-FFF2-40B4-BE49-F238E27FC236}">
                <a16:creationId xmlns:a16="http://schemas.microsoft.com/office/drawing/2014/main" id="{69A3F4DB-409F-E580-4F4A-A3BEE3ED87B3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3763633" y="36195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1" name="OTLSHAPE_SLT_393185698fff41f28e821ff9e2fe0cbe_ShapePercentage" hidden="1">
            <a:extLst>
              <a:ext uri="{FF2B5EF4-FFF2-40B4-BE49-F238E27FC236}">
                <a16:creationId xmlns:a16="http://schemas.microsoft.com/office/drawing/2014/main" id="{0199C3EC-864A-F2EF-EC2D-A4529FBEA9A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828780" y="36195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0" name="OTLSHAPE_SLT_05283520da234ae8a19a1c0b41ee5232_ShapePercentage" hidden="1">
            <a:extLst>
              <a:ext uri="{FF2B5EF4-FFF2-40B4-BE49-F238E27FC236}">
                <a16:creationId xmlns:a16="http://schemas.microsoft.com/office/drawing/2014/main" id="{71A6B557-9C22-3272-18D5-B57CBBEAD022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272576" y="3962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6" name="OTLSHAPE_SLT_9a0a7235681346219551fc85138bf6c0_ShapePercentage" hidden="1">
            <a:extLst>
              <a:ext uri="{FF2B5EF4-FFF2-40B4-BE49-F238E27FC236}">
                <a16:creationId xmlns:a16="http://schemas.microsoft.com/office/drawing/2014/main" id="{CCB9D929-2467-A488-A39C-FBFAA49425A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763633" y="3962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" name="OTLSHAPE_SLT_72fa1b56253c4712929fed5c7e59d9c5_ShapePercentage" hidden="1">
            <a:extLst>
              <a:ext uri="{FF2B5EF4-FFF2-40B4-BE49-F238E27FC236}">
                <a16:creationId xmlns:a16="http://schemas.microsoft.com/office/drawing/2014/main" id="{B398E1C1-5DBE-44FC-0383-A6964F3A4CA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282367" y="3962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8" name="OTLSHAPE_SLT_83a720603937402a911205c9ff475ed1_ShapePercentage" hidden="1">
            <a:extLst>
              <a:ext uri="{FF2B5EF4-FFF2-40B4-BE49-F238E27FC236}">
                <a16:creationId xmlns:a16="http://schemas.microsoft.com/office/drawing/2014/main" id="{5ED7245F-5268-F0D0-099F-71281517CFA6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828780" y="3962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4" name="OTLSHAPE_SLT_9d191bd58b0747ff8ea9f61162766073_ShapePercentage" hidden="1">
            <a:extLst>
              <a:ext uri="{FF2B5EF4-FFF2-40B4-BE49-F238E27FC236}">
                <a16:creationId xmlns:a16="http://schemas.microsoft.com/office/drawing/2014/main" id="{1E78D029-E040-083D-D308-D19EEADCC090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763633" y="4229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0" name="OTLSHAPE_SLT_f6ee8af8302d48aa90fdcc3e1054b92e_ShapePercentage" hidden="1">
            <a:extLst>
              <a:ext uri="{FF2B5EF4-FFF2-40B4-BE49-F238E27FC236}">
                <a16:creationId xmlns:a16="http://schemas.microsoft.com/office/drawing/2014/main" id="{5FEAC05C-4286-D175-199F-B3D2AE863FD4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272576" y="4229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6" name="OTLSHAPE_SLT_36c6401236dc4264b455bf05d8abb315_ShapePercentage" hidden="1">
            <a:extLst>
              <a:ext uri="{FF2B5EF4-FFF2-40B4-BE49-F238E27FC236}">
                <a16:creationId xmlns:a16="http://schemas.microsoft.com/office/drawing/2014/main" id="{D18EEFD1-7D7D-1C3D-B696-219EAF1B339E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282367" y="4229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" name="OTLSHAPE_SLT_f9207725c3b24cc7a4bbb5b7896fb8ad_ShapePercentage" hidden="1">
            <a:extLst>
              <a:ext uri="{FF2B5EF4-FFF2-40B4-BE49-F238E27FC236}">
                <a16:creationId xmlns:a16="http://schemas.microsoft.com/office/drawing/2014/main" id="{324F7B10-6645-2C4E-94DB-0EBD1E03CD9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828780" y="4229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1" name="OTLSHAPE_SLT_67349c8949874bc78f618b3639315dd9_ShapePercentage" hidden="1">
            <a:extLst>
              <a:ext uri="{FF2B5EF4-FFF2-40B4-BE49-F238E27FC236}">
                <a16:creationId xmlns:a16="http://schemas.microsoft.com/office/drawing/2014/main" id="{F631DF83-0269-3249-4697-6482714877F0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272576" y="4572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7" name="OTLSHAPE_SLT_5181f07ab36c46c6b90a7871ee228941_ShapePercentage" hidden="1">
            <a:extLst>
              <a:ext uri="{FF2B5EF4-FFF2-40B4-BE49-F238E27FC236}">
                <a16:creationId xmlns:a16="http://schemas.microsoft.com/office/drawing/2014/main" id="{8AD840F7-F776-4204-8E45-42E5254AD88D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763633" y="4572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3" name="OTLSHAPE_SLT_2f35635629784a0690b9d9a08492bacb_ShapePercentage" hidden="1">
            <a:extLst>
              <a:ext uri="{FF2B5EF4-FFF2-40B4-BE49-F238E27FC236}">
                <a16:creationId xmlns:a16="http://schemas.microsoft.com/office/drawing/2014/main" id="{91700979-4070-F590-8043-1384C04456D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282367" y="4572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9" name="OTLSHAPE_SLT_0996a1131df04736bc034131d51155c7_ShapePercentage" hidden="1">
            <a:extLst>
              <a:ext uri="{FF2B5EF4-FFF2-40B4-BE49-F238E27FC236}">
                <a16:creationId xmlns:a16="http://schemas.microsoft.com/office/drawing/2014/main" id="{3384EB98-FE5A-2977-79E5-4232B6D8AA8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8828780" y="4572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5" name="OTLSHAPE_SLT_940bc3d51d26456abc1a5b5861ce0da9_ShapePercentage" hidden="1">
            <a:extLst>
              <a:ext uri="{FF2B5EF4-FFF2-40B4-BE49-F238E27FC236}">
                <a16:creationId xmlns:a16="http://schemas.microsoft.com/office/drawing/2014/main" id="{8D1C6CBB-6FC7-692B-0499-202906E4BB6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763633" y="4838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" name="OTLSHAPE_SLT_afa9a1fcfac3457e9b5b54bbd160144f_ShapePercentage" hidden="1">
            <a:extLst>
              <a:ext uri="{FF2B5EF4-FFF2-40B4-BE49-F238E27FC236}">
                <a16:creationId xmlns:a16="http://schemas.microsoft.com/office/drawing/2014/main" id="{3EB47474-3510-3EB4-AB83-73A0E7B0FA26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8828780" y="4838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d0a0bb0d1fc041dcae3f3d5d731aa83b_Header">
            <a:extLst>
              <a:ext uri="{FF2B5EF4-FFF2-40B4-BE49-F238E27FC236}">
                <a16:creationId xmlns:a16="http://schemas.microsoft.com/office/drawing/2014/main" id="{F95A7095-431B-3CD5-5270-E4326EFA3A4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3500" y="2751773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New features</a:t>
            </a:r>
          </a:p>
        </p:txBody>
      </p:sp>
      <p:sp>
        <p:nvSpPr>
          <p:cNvPr id="20" name="OTLSHAPE_SL_e5f2b54cc09b484697a60147fb763d90_Header">
            <a:extLst>
              <a:ext uri="{FF2B5EF4-FFF2-40B4-BE49-F238E27FC236}">
                <a16:creationId xmlns:a16="http://schemas.microsoft.com/office/drawing/2014/main" id="{29508823-4B60-7508-CEC9-EFBEC9EBA7F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500" y="349472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tickiness</a:t>
            </a:r>
          </a:p>
        </p:txBody>
      </p:sp>
      <p:sp>
        <p:nvSpPr>
          <p:cNvPr id="23" name="OTLSHAPE_SL_19867ef1ce2b46c8888ac5094bd46420_Header">
            <a:extLst>
              <a:ext uri="{FF2B5EF4-FFF2-40B4-BE49-F238E27FC236}">
                <a16:creationId xmlns:a16="http://schemas.microsoft.com/office/drawing/2014/main" id="{C6CAA664-8CF2-5D1D-E8BB-0029A4B8861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00" y="410432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Integrations</a:t>
            </a:r>
          </a:p>
        </p:txBody>
      </p:sp>
      <p:sp>
        <p:nvSpPr>
          <p:cNvPr id="26" name="OTLSHAPE_SL_3754e4ef8c3743a883ff89bf12bd931a_Header">
            <a:extLst>
              <a:ext uri="{FF2B5EF4-FFF2-40B4-BE49-F238E27FC236}">
                <a16:creationId xmlns:a16="http://schemas.microsoft.com/office/drawing/2014/main" id="{34A22610-B248-B080-CD61-928394784F7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500" y="471392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Infrastructure</a:t>
            </a:r>
          </a:p>
        </p:txBody>
      </p:sp>
      <p:sp>
        <p:nvSpPr>
          <p:cNvPr id="712" name="OTLSHAPE_SL2A_5a1e4072246a4b02ba3ddb06ceb96c97_Header" hidden="1">
            <a:extLst>
              <a:ext uri="{FF2B5EF4-FFF2-40B4-BE49-F238E27FC236}">
                <a16:creationId xmlns:a16="http://schemas.microsoft.com/office/drawing/2014/main" id="{9841AC2D-FCF5-9A44-FD1A-9E64D4CA156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9" name="OTLSHAPE_SL2A_5ded087f76a3494dab6ebf1e8324357b_Header" hidden="1">
            <a:extLst>
              <a:ext uri="{FF2B5EF4-FFF2-40B4-BE49-F238E27FC236}">
                <a16:creationId xmlns:a16="http://schemas.microsoft.com/office/drawing/2014/main" id="{842DB050-D20E-1C57-E19D-2370712D57C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8" name="OTLSHAPE_SL2A_14f393b4d0b04e168010d31197a7e4fd_Header" hidden="1">
            <a:extLst>
              <a:ext uri="{FF2B5EF4-FFF2-40B4-BE49-F238E27FC236}">
                <a16:creationId xmlns:a16="http://schemas.microsoft.com/office/drawing/2014/main" id="{E2916D57-B064-C208-F235-5C82DAAA2A6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9" name="OTLSHAPE_SL2A_abd84867312e4d4eb830568b6266c24f_Header" hidden="1">
            <a:extLst>
              <a:ext uri="{FF2B5EF4-FFF2-40B4-BE49-F238E27FC236}">
                <a16:creationId xmlns:a16="http://schemas.microsoft.com/office/drawing/2014/main" id="{02AF6967-7DC2-5A85-7C75-B3CFD5ABF31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9" name="OTLSHAPE_TB_00000000000000000000000000000000_TodayMarkerShape" hidden="1">
            <a:extLst>
              <a:ext uri="{FF2B5EF4-FFF2-40B4-BE49-F238E27FC236}">
                <a16:creationId xmlns:a16="http://schemas.microsoft.com/office/drawing/2014/main" id="{C6F30878-E5B0-3530-9A7F-7D651319BDA5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06994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TB_00000000000000000000000000000000_TimescaleInterval1">
            <a:extLst>
              <a:ext uri="{FF2B5EF4-FFF2-40B4-BE49-F238E27FC236}">
                <a16:creationId xmlns:a16="http://schemas.microsoft.com/office/drawing/2014/main" id="{C1ECE30A-4A07-FEFA-E133-204E2055B76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308417" y="51774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04" name="OTLSHAPE_TB_00000000000000000000000000000000_TimescaleInterval2">
            <a:extLst>
              <a:ext uri="{FF2B5EF4-FFF2-40B4-BE49-F238E27FC236}">
                <a16:creationId xmlns:a16="http://schemas.microsoft.com/office/drawing/2014/main" id="{7D1D735B-6363-5165-6FA7-58F3E86F34E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799474" y="51774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06" name="OTLSHAPE_TB_00000000000000000000000000000000_TimescaleInterval3">
            <a:extLst>
              <a:ext uri="{FF2B5EF4-FFF2-40B4-BE49-F238E27FC236}">
                <a16:creationId xmlns:a16="http://schemas.microsoft.com/office/drawing/2014/main" id="{00241BBB-897C-B731-E116-FBC95397550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318208" y="51774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08" name="OTLSHAPE_TB_00000000000000000000000000000000_TimescaleInterval4">
            <a:extLst>
              <a:ext uri="{FF2B5EF4-FFF2-40B4-BE49-F238E27FC236}">
                <a16:creationId xmlns:a16="http://schemas.microsoft.com/office/drawing/2014/main" id="{50B63C34-3256-BC3B-545B-8AED760A344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864622" y="51774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16" name="OTLSHAPE_SLT_65669134d18a43e28959dc972ef27252_Title">
            <a:extLst>
              <a:ext uri="{FF2B5EF4-FFF2-40B4-BE49-F238E27FC236}">
                <a16:creationId xmlns:a16="http://schemas.microsoft.com/office/drawing/2014/main" id="{C61C46B9-4235-ADC8-CC1E-219E0C4F8B7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552871" y="2485073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Undo Function</a:t>
            </a:r>
          </a:p>
        </p:txBody>
      </p:sp>
      <p:sp>
        <p:nvSpPr>
          <p:cNvPr id="224" name="OTLSHAPE_SLT_26615f3a416d4a0a83511ad17e513011_Title">
            <a:extLst>
              <a:ext uri="{FF2B5EF4-FFF2-40B4-BE49-F238E27FC236}">
                <a16:creationId xmlns:a16="http://schemas.microsoft.com/office/drawing/2014/main" id="{E4D8CC7A-EAC2-5C95-86B7-4F8AE5DCDF5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009600" y="2485073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Feature A scope</a:t>
            </a:r>
          </a:p>
        </p:txBody>
      </p:sp>
      <p:sp>
        <p:nvSpPr>
          <p:cNvPr id="232" name="OTLSHAPE_SLT_561d3f347d1b454491ac4de9797a3f4d_Title">
            <a:extLst>
              <a:ext uri="{FF2B5EF4-FFF2-40B4-BE49-F238E27FC236}">
                <a16:creationId xmlns:a16="http://schemas.microsoft.com/office/drawing/2014/main" id="{C137C0D6-7340-7C9B-01F5-1D36AAFC34E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895623" y="2485073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Integrated prototype</a:t>
            </a:r>
          </a:p>
        </p:txBody>
      </p:sp>
      <p:sp>
        <p:nvSpPr>
          <p:cNvPr id="240" name="OTLSHAPE_SLT_c81b46d3284c4b8b8f210faa2910f49b_Title">
            <a:extLst>
              <a:ext uri="{FF2B5EF4-FFF2-40B4-BE49-F238E27FC236}">
                <a16:creationId xmlns:a16="http://schemas.microsoft.com/office/drawing/2014/main" id="{BCC29979-B834-6394-919D-818BBDF1F1F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801086" y="2485073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Archiving</a:t>
            </a:r>
          </a:p>
        </p:txBody>
      </p:sp>
      <p:sp>
        <p:nvSpPr>
          <p:cNvPr id="448" name="OTLSHAPE_SLT_7d30f63091b24132a25eda5308550207_Title">
            <a:extLst>
              <a:ext uri="{FF2B5EF4-FFF2-40B4-BE49-F238E27FC236}">
                <a16:creationId xmlns:a16="http://schemas.microsoft.com/office/drawing/2014/main" id="{D57091B7-D3E1-C381-B97F-115C079EC3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400338" y="2751773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>
                <a:solidFill>
                  <a:schemeClr val="dk1"/>
                </a:solidFill>
                <a:latin typeface="Calibri" panose="020F0502020204030204" pitchFamily="34" charset="0"/>
              </a:rPr>
              <a:t>Front-end prototyping</a:t>
            </a:r>
          </a:p>
        </p:txBody>
      </p:sp>
      <p:sp>
        <p:nvSpPr>
          <p:cNvPr id="456" name="OTLSHAPE_SLT_72be62e6ebdb4d34b9b4b9a34c7a67a2_Title">
            <a:extLst>
              <a:ext uri="{FF2B5EF4-FFF2-40B4-BE49-F238E27FC236}">
                <a16:creationId xmlns:a16="http://schemas.microsoft.com/office/drawing/2014/main" id="{C3CDC63C-2E88-2844-9F01-254B08EF612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958805" y="2751773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MVP requirements</a:t>
            </a:r>
          </a:p>
        </p:txBody>
      </p:sp>
      <p:sp>
        <p:nvSpPr>
          <p:cNvPr id="464" name="OTLSHAPE_SLT_2f0049de037c4d98b448cb5708a41978_Title">
            <a:extLst>
              <a:ext uri="{FF2B5EF4-FFF2-40B4-BE49-F238E27FC236}">
                <a16:creationId xmlns:a16="http://schemas.microsoft.com/office/drawing/2014/main" id="{09FD3C49-5795-56CB-1B29-4B681DBBB3C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517142" y="2751773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Feature B scope</a:t>
            </a:r>
          </a:p>
        </p:txBody>
      </p:sp>
      <p:sp>
        <p:nvSpPr>
          <p:cNvPr id="472" name="OTLSHAPE_SLT_ec84c2ee6c2549fb9b16456a8d18672a_Title">
            <a:extLst>
              <a:ext uri="{FF2B5EF4-FFF2-40B4-BE49-F238E27FC236}">
                <a16:creationId xmlns:a16="http://schemas.microsoft.com/office/drawing/2014/main" id="{D1FC423F-D980-2886-83A6-87CD3BA472C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832477" y="2751773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Feature requirements</a:t>
            </a:r>
          </a:p>
        </p:txBody>
      </p:sp>
      <p:sp>
        <p:nvSpPr>
          <p:cNvPr id="480" name="OTLSHAPE_SLT_e67d4377e76b44619b5f96f22e20553f_Title">
            <a:extLst>
              <a:ext uri="{FF2B5EF4-FFF2-40B4-BE49-F238E27FC236}">
                <a16:creationId xmlns:a16="http://schemas.microsoft.com/office/drawing/2014/main" id="{4EBE761A-8F8A-E776-057F-82998F56D83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802066" y="3018473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Search</a:t>
            </a:r>
          </a:p>
        </p:txBody>
      </p:sp>
      <p:sp>
        <p:nvSpPr>
          <p:cNvPr id="488" name="OTLSHAPE_SLT_996106ec719e44a792f941c5b94682d2_Title">
            <a:extLst>
              <a:ext uri="{FF2B5EF4-FFF2-40B4-BE49-F238E27FC236}">
                <a16:creationId xmlns:a16="http://schemas.microsoft.com/office/drawing/2014/main" id="{5BAB6C78-31CC-3493-7435-EFD9DD5D22C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047996" y="3361372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Status updates</a:t>
            </a:r>
          </a:p>
        </p:txBody>
      </p:sp>
      <p:sp>
        <p:nvSpPr>
          <p:cNvPr id="496" name="OTLSHAPE_SLT_a9b441df44f14c26b0dc7a35c1e77544_Title">
            <a:extLst>
              <a:ext uri="{FF2B5EF4-FFF2-40B4-BE49-F238E27FC236}">
                <a16:creationId xmlns:a16="http://schemas.microsoft.com/office/drawing/2014/main" id="{2E304D62-4C18-04F8-9707-8E79AA9D693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615884" y="3361372"/>
            <a:ext cx="78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Gamification</a:t>
            </a:r>
          </a:p>
        </p:txBody>
      </p:sp>
      <p:sp>
        <p:nvSpPr>
          <p:cNvPr id="504" name="OTLSHAPE_SLT_c50386891f134416b9ad455500a37216_Title">
            <a:extLst>
              <a:ext uri="{FF2B5EF4-FFF2-40B4-BE49-F238E27FC236}">
                <a16:creationId xmlns:a16="http://schemas.microsoft.com/office/drawing/2014/main" id="{DE3E2FBA-BF24-1EB2-A3E8-615CB104255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460796" y="36280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Desktop delighter</a:t>
            </a:r>
          </a:p>
        </p:txBody>
      </p:sp>
      <p:sp>
        <p:nvSpPr>
          <p:cNvPr id="512" name="OTLSHAPE_SLT_05283520da234ae8a19a1c0b41ee5232_Title">
            <a:extLst>
              <a:ext uri="{FF2B5EF4-FFF2-40B4-BE49-F238E27FC236}">
                <a16:creationId xmlns:a16="http://schemas.microsoft.com/office/drawing/2014/main" id="{974C7224-DCE4-EB49-F1D5-529D2927765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348415" y="39709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Slack</a:t>
            </a:r>
          </a:p>
        </p:txBody>
      </p:sp>
      <p:sp>
        <p:nvSpPr>
          <p:cNvPr id="520" name="OTLSHAPE_SLT_9a0a7235681346219551fc85138bf6c0_Title">
            <a:extLst>
              <a:ext uri="{FF2B5EF4-FFF2-40B4-BE49-F238E27FC236}">
                <a16:creationId xmlns:a16="http://schemas.microsoft.com/office/drawing/2014/main" id="{25C38FA8-6A4A-DF01-B0DA-034473D3C29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754314" y="3970972"/>
            <a:ext cx="520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Zendesk</a:t>
            </a:r>
          </a:p>
        </p:txBody>
      </p:sp>
      <p:sp>
        <p:nvSpPr>
          <p:cNvPr id="528" name="OTLSHAPE_SLT_9d191bd58b0747ff8ea9f61162766073_Title">
            <a:extLst>
              <a:ext uri="{FF2B5EF4-FFF2-40B4-BE49-F238E27FC236}">
                <a16:creationId xmlns:a16="http://schemas.microsoft.com/office/drawing/2014/main" id="{4CEBA1B4-54B5-8A61-5BBB-DE7CE851221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746292" y="4237672"/>
            <a:ext cx="53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Calibri" panose="020F0502020204030204" pitchFamily="34" charset="0"/>
              </a:rPr>
              <a:t>Marketo</a:t>
            </a:r>
          </a:p>
        </p:txBody>
      </p:sp>
      <p:sp>
        <p:nvSpPr>
          <p:cNvPr id="536" name="OTLSHAPE_SLT_f6ee8af8302d48aa90fdcc3e1054b92e_Title">
            <a:extLst>
              <a:ext uri="{FF2B5EF4-FFF2-40B4-BE49-F238E27FC236}">
                <a16:creationId xmlns:a16="http://schemas.microsoft.com/office/drawing/2014/main" id="{867A84A0-277E-E33E-A92F-738723B29B2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190871" y="4237672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Salesforce</a:t>
            </a:r>
          </a:p>
        </p:txBody>
      </p:sp>
      <p:sp>
        <p:nvSpPr>
          <p:cNvPr id="544" name="OTLSHAPE_SLT_67349c8949874bc78f618b3639315dd9_Title">
            <a:extLst>
              <a:ext uri="{FF2B5EF4-FFF2-40B4-BE49-F238E27FC236}">
                <a16:creationId xmlns:a16="http://schemas.microsoft.com/office/drawing/2014/main" id="{A8EDC909-5ECB-3063-92A6-8FCED0F0994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081884" y="4580572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Demo staging</a:t>
            </a:r>
          </a:p>
        </p:txBody>
      </p:sp>
      <p:sp>
        <p:nvSpPr>
          <p:cNvPr id="552" name="OTLSHAPE_SLT_5181f07ab36c46c6b90a7871ee228941_Title">
            <a:extLst>
              <a:ext uri="{FF2B5EF4-FFF2-40B4-BE49-F238E27FC236}">
                <a16:creationId xmlns:a16="http://schemas.microsoft.com/office/drawing/2014/main" id="{68CF7F94-F972-482C-D7B4-5DC39BE38EC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774909" y="458057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Calibri" panose="020F0502020204030204" pitchFamily="34" charset="0"/>
              </a:rPr>
              <a:t>Metrics</a:t>
            </a:r>
          </a:p>
        </p:txBody>
      </p:sp>
      <p:sp>
        <p:nvSpPr>
          <p:cNvPr id="560" name="OTLSHAPE_SLT_940bc3d51d26456abc1a5b5861ce0da9_Title">
            <a:extLst>
              <a:ext uri="{FF2B5EF4-FFF2-40B4-BE49-F238E27FC236}">
                <a16:creationId xmlns:a16="http://schemas.microsoft.com/office/drawing/2014/main" id="{B89F29CB-D3C7-6E65-5620-3E7C3ACA991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548680" y="4847272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Design process</a:t>
            </a:r>
          </a:p>
        </p:txBody>
      </p:sp>
      <p:sp>
        <p:nvSpPr>
          <p:cNvPr id="568" name="OTLSHAPE_SLT_f06ad141bc484c2d82d15fada2d07710_Title">
            <a:extLst>
              <a:ext uri="{FF2B5EF4-FFF2-40B4-BE49-F238E27FC236}">
                <a16:creationId xmlns:a16="http://schemas.microsoft.com/office/drawing/2014/main" id="{4EEE3ABB-1F95-39EB-19A1-BCC586E0BD7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028993" y="3361372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Mobile delighter</a:t>
            </a:r>
          </a:p>
        </p:txBody>
      </p:sp>
      <p:sp>
        <p:nvSpPr>
          <p:cNvPr id="576" name="OTLSHAPE_SLT_914556570e8041a6831b773ee2e33f67_Title">
            <a:extLst>
              <a:ext uri="{FF2B5EF4-FFF2-40B4-BE49-F238E27FC236}">
                <a16:creationId xmlns:a16="http://schemas.microsoft.com/office/drawing/2014/main" id="{4C2063B3-7A57-9CB8-C307-FC2D189DDC3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432850" y="3361372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1"/>
                </a:solidFill>
                <a:latin typeface="Calibri" panose="020F0502020204030204" pitchFamily="34" charset="0"/>
              </a:rPr>
              <a:t>Reward (progess bar)</a:t>
            </a:r>
          </a:p>
        </p:txBody>
      </p:sp>
      <p:sp>
        <p:nvSpPr>
          <p:cNvPr id="584" name="OTLSHAPE_SLT_393185698fff41f28e821ff9e2fe0cbe_Title">
            <a:extLst>
              <a:ext uri="{FF2B5EF4-FFF2-40B4-BE49-F238E27FC236}">
                <a16:creationId xmlns:a16="http://schemas.microsoft.com/office/drawing/2014/main" id="{5AFFCA43-F3D3-5AB1-2202-B098B87BF2D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570137" y="3628072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Onboarding flow</a:t>
            </a:r>
          </a:p>
        </p:txBody>
      </p:sp>
      <p:sp>
        <p:nvSpPr>
          <p:cNvPr id="592" name="OTLSHAPE_SLT_72fa1b56253c4712929fed5c7e59d9c5_Title">
            <a:extLst>
              <a:ext uri="{FF2B5EF4-FFF2-40B4-BE49-F238E27FC236}">
                <a16:creationId xmlns:a16="http://schemas.microsoft.com/office/drawing/2014/main" id="{A3AB3125-4EB0-C8DB-F87D-CB993E56128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370708" y="3970972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rello</a:t>
            </a:r>
          </a:p>
        </p:txBody>
      </p:sp>
      <p:sp>
        <p:nvSpPr>
          <p:cNvPr id="600" name="OTLSHAPE_SLT_83a720603937402a911205c9ff475ed1_Title">
            <a:extLst>
              <a:ext uri="{FF2B5EF4-FFF2-40B4-BE49-F238E27FC236}">
                <a16:creationId xmlns:a16="http://schemas.microsoft.com/office/drawing/2014/main" id="{92C3112F-95F0-D34E-FA02-7AB368FCCD8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984876" y="3970972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>
                <a:solidFill>
                  <a:schemeClr val="dk1"/>
                </a:solidFill>
                <a:latin typeface="Calibri" panose="020F0502020204030204" pitchFamily="34" charset="0"/>
              </a:rPr>
              <a:t>Jira</a:t>
            </a:r>
          </a:p>
        </p:txBody>
      </p:sp>
      <p:sp>
        <p:nvSpPr>
          <p:cNvPr id="608" name="OTLSHAPE_SLT_36c6401236dc4264b455bf05d8abb315_Title">
            <a:extLst>
              <a:ext uri="{FF2B5EF4-FFF2-40B4-BE49-F238E27FC236}">
                <a16:creationId xmlns:a16="http://schemas.microsoft.com/office/drawing/2014/main" id="{25D9210B-B7FF-0659-D24B-3722742B57B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273468" y="4237672"/>
            <a:ext cx="54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HubSpot</a:t>
            </a:r>
          </a:p>
        </p:txBody>
      </p:sp>
      <p:sp>
        <p:nvSpPr>
          <p:cNvPr id="616" name="OTLSHAPE_SLT_f9207725c3b24cc7a4bbb5b7896fb8ad_Title">
            <a:extLst>
              <a:ext uri="{FF2B5EF4-FFF2-40B4-BE49-F238E27FC236}">
                <a16:creationId xmlns:a16="http://schemas.microsoft.com/office/drawing/2014/main" id="{9342ED55-4672-5FAC-E462-CD2AE383A57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917461" y="4237672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Appzi</a:t>
            </a:r>
          </a:p>
        </p:txBody>
      </p:sp>
      <p:sp>
        <p:nvSpPr>
          <p:cNvPr id="624" name="OTLSHAPE_SLT_2f35635629784a0690b9d9a08492bacb_Title">
            <a:extLst>
              <a:ext uri="{FF2B5EF4-FFF2-40B4-BE49-F238E27FC236}">
                <a16:creationId xmlns:a16="http://schemas.microsoft.com/office/drawing/2014/main" id="{67260F64-9B08-ECBE-0234-FFA5FCB5BD9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029227" y="4580572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Automated tests</a:t>
            </a:r>
          </a:p>
        </p:txBody>
      </p:sp>
      <p:sp>
        <p:nvSpPr>
          <p:cNvPr id="632" name="OTLSHAPE_SLT_0996a1131df04736bc034131d51155c7_Title">
            <a:extLst>
              <a:ext uri="{FF2B5EF4-FFF2-40B4-BE49-F238E27FC236}">
                <a16:creationId xmlns:a16="http://schemas.microsoft.com/office/drawing/2014/main" id="{5E5E4D05-21D5-E83D-E227-681C0A2C5E9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753567" y="4580572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Calibri" panose="020F0502020204030204" pitchFamily="34" charset="0"/>
              </a:rPr>
              <a:t>Regression</a:t>
            </a:r>
          </a:p>
        </p:txBody>
      </p:sp>
      <p:sp>
        <p:nvSpPr>
          <p:cNvPr id="640" name="OTLSHAPE_SLT_afa9a1fcfac3457e9b5b54bbd160144f_Title">
            <a:extLst>
              <a:ext uri="{FF2B5EF4-FFF2-40B4-BE49-F238E27FC236}">
                <a16:creationId xmlns:a16="http://schemas.microsoft.com/office/drawing/2014/main" id="{6EA045D6-D98A-E3C8-C2DB-55F271CC906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514998" y="4847272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Back-end analytics</a:t>
            </a:r>
          </a:p>
        </p:txBody>
      </p:sp>
      <p:sp>
        <p:nvSpPr>
          <p:cNvPr id="710" name="OTLSHAPE_TB_00000000000000000000000000000000_TodayMarkerText" hidden="1">
            <a:extLst>
              <a:ext uri="{FF2B5EF4-FFF2-40B4-BE49-F238E27FC236}">
                <a16:creationId xmlns:a16="http://schemas.microsoft.com/office/drawing/2014/main" id="{536C577A-6F9B-870A-0D47-BF9DE5F5346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15" name="OTLSHAPE_SLT_65669134d18a43e28959dc972ef27252_Duration" hidden="1">
            <a:extLst>
              <a:ext uri="{FF2B5EF4-FFF2-40B4-BE49-F238E27FC236}">
                <a16:creationId xmlns:a16="http://schemas.microsoft.com/office/drawing/2014/main" id="{7167C571-5B68-2655-DA3D-0FA93A8F396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16" name="OTLSHAPE_SLT_65669134d18a43e28959dc972ef27252_TextPercentage" hidden="1">
            <a:extLst>
              <a:ext uri="{FF2B5EF4-FFF2-40B4-BE49-F238E27FC236}">
                <a16:creationId xmlns:a16="http://schemas.microsoft.com/office/drawing/2014/main" id="{9127BC37-7966-8486-BB3B-023DFD6768B2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7" name="OTLSHAPE_SLT_65669134d18a43e28959dc972ef27252_JoinedDate" hidden="1">
            <a:extLst>
              <a:ext uri="{FF2B5EF4-FFF2-40B4-BE49-F238E27FC236}">
                <a16:creationId xmlns:a16="http://schemas.microsoft.com/office/drawing/2014/main" id="{0FA318B7-E4BB-BE77-D390-4E8129F448C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718" name="OTLSHAPE_SLT_65669134d18a43e28959dc972ef27252_StartDate" hidden="1">
            <a:extLst>
              <a:ext uri="{FF2B5EF4-FFF2-40B4-BE49-F238E27FC236}">
                <a16:creationId xmlns:a16="http://schemas.microsoft.com/office/drawing/2014/main" id="{AA05C414-B0BD-91FC-2326-B22C9A8ED8F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SLT_65669134d18a43e28959dc972ef27252_EndDate" hidden="1">
            <a:extLst>
              <a:ext uri="{FF2B5EF4-FFF2-40B4-BE49-F238E27FC236}">
                <a16:creationId xmlns:a16="http://schemas.microsoft.com/office/drawing/2014/main" id="{81D09128-63CA-6A73-9F09-B1DA7635CC1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1" name="OTLSHAPE_SLT_26615f3a416d4a0a83511ad17e513011_Duration" hidden="1">
            <a:extLst>
              <a:ext uri="{FF2B5EF4-FFF2-40B4-BE49-F238E27FC236}">
                <a16:creationId xmlns:a16="http://schemas.microsoft.com/office/drawing/2014/main" id="{4CA3DDEE-B9F7-DC59-7F19-528803CAC07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22" name="OTLSHAPE_SLT_26615f3a416d4a0a83511ad17e513011_TextPercentage" hidden="1">
            <a:extLst>
              <a:ext uri="{FF2B5EF4-FFF2-40B4-BE49-F238E27FC236}">
                <a16:creationId xmlns:a16="http://schemas.microsoft.com/office/drawing/2014/main" id="{BFF8313E-CA6D-5FCF-29AA-5B6241A0FB8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3" name="OTLSHAPE_SLT_26615f3a416d4a0a83511ad17e513011_JoinedDate" hidden="1">
            <a:extLst>
              <a:ext uri="{FF2B5EF4-FFF2-40B4-BE49-F238E27FC236}">
                <a16:creationId xmlns:a16="http://schemas.microsoft.com/office/drawing/2014/main" id="{76F528F8-EEDF-72CD-B132-337D4C57D47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724" name="OTLSHAPE_SLT_26615f3a416d4a0a83511ad17e513011_StartDate" hidden="1">
            <a:extLst>
              <a:ext uri="{FF2B5EF4-FFF2-40B4-BE49-F238E27FC236}">
                <a16:creationId xmlns:a16="http://schemas.microsoft.com/office/drawing/2014/main" id="{5EEE508A-BAC4-DE6C-C671-0C6354B06BA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5" name="OTLSHAPE_SLT_26615f3a416d4a0a83511ad17e513011_EndDate" hidden="1">
            <a:extLst>
              <a:ext uri="{FF2B5EF4-FFF2-40B4-BE49-F238E27FC236}">
                <a16:creationId xmlns:a16="http://schemas.microsoft.com/office/drawing/2014/main" id="{DD9A0365-12BE-FA92-36AC-2C38959A3D18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7" name="OTLSHAPE_SLT_561d3f347d1b454491ac4de9797a3f4d_Duration" hidden="1">
            <a:extLst>
              <a:ext uri="{FF2B5EF4-FFF2-40B4-BE49-F238E27FC236}">
                <a16:creationId xmlns:a16="http://schemas.microsoft.com/office/drawing/2014/main" id="{1C28C40E-55D1-BA1A-95C0-7CCD0D965C7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28" name="OTLSHAPE_SLT_561d3f347d1b454491ac4de9797a3f4d_TextPercentage" hidden="1">
            <a:extLst>
              <a:ext uri="{FF2B5EF4-FFF2-40B4-BE49-F238E27FC236}">
                <a16:creationId xmlns:a16="http://schemas.microsoft.com/office/drawing/2014/main" id="{D91F3902-A4EA-92C7-5D6E-9DD921130C0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9" name="OTLSHAPE_SLT_561d3f347d1b454491ac4de9797a3f4d_JoinedDate" hidden="1">
            <a:extLst>
              <a:ext uri="{FF2B5EF4-FFF2-40B4-BE49-F238E27FC236}">
                <a16:creationId xmlns:a16="http://schemas.microsoft.com/office/drawing/2014/main" id="{54C60191-A461-F8C2-A53D-5DCAE4250A32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 - Sep 30</a:t>
            </a:r>
          </a:p>
        </p:txBody>
      </p:sp>
      <p:sp>
        <p:nvSpPr>
          <p:cNvPr id="730" name="OTLSHAPE_SLT_561d3f347d1b454491ac4de9797a3f4d_StartDate" hidden="1">
            <a:extLst>
              <a:ext uri="{FF2B5EF4-FFF2-40B4-BE49-F238E27FC236}">
                <a16:creationId xmlns:a16="http://schemas.microsoft.com/office/drawing/2014/main" id="{8F0B52F7-7D1E-C614-8DE0-E5DE5ADFA38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1" name="OTLSHAPE_SLT_561d3f347d1b454491ac4de9797a3f4d_EndDate" hidden="1">
            <a:extLst>
              <a:ext uri="{FF2B5EF4-FFF2-40B4-BE49-F238E27FC236}">
                <a16:creationId xmlns:a16="http://schemas.microsoft.com/office/drawing/2014/main" id="{C71D7515-B4A3-8D8E-0C36-F5559570FAE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3" name="OTLSHAPE_SLT_c81b46d3284c4b8b8f210faa2910f49b_Duration" hidden="1">
            <a:extLst>
              <a:ext uri="{FF2B5EF4-FFF2-40B4-BE49-F238E27FC236}">
                <a16:creationId xmlns:a16="http://schemas.microsoft.com/office/drawing/2014/main" id="{E89B57CF-D419-B7D8-F06A-79B236F8B18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34" name="OTLSHAPE_SLT_c81b46d3284c4b8b8f210faa2910f49b_TextPercentage" hidden="1">
            <a:extLst>
              <a:ext uri="{FF2B5EF4-FFF2-40B4-BE49-F238E27FC236}">
                <a16:creationId xmlns:a16="http://schemas.microsoft.com/office/drawing/2014/main" id="{AC0D7BBF-9168-3D82-DC70-7ADED71837B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5" name="OTLSHAPE_SLT_c81b46d3284c4b8b8f210faa2910f49b_JoinedDate" hidden="1">
            <a:extLst>
              <a:ext uri="{FF2B5EF4-FFF2-40B4-BE49-F238E27FC236}">
                <a16:creationId xmlns:a16="http://schemas.microsoft.com/office/drawing/2014/main" id="{BD7C2431-0057-4B71-CA5A-06ABD1C65E0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736" name="OTLSHAPE_SLT_c81b46d3284c4b8b8f210faa2910f49b_StartDate" hidden="1">
            <a:extLst>
              <a:ext uri="{FF2B5EF4-FFF2-40B4-BE49-F238E27FC236}">
                <a16:creationId xmlns:a16="http://schemas.microsoft.com/office/drawing/2014/main" id="{BA9F7213-A29B-4353-A926-52E6724DDB7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7" name="OTLSHAPE_SLT_c81b46d3284c4b8b8f210faa2910f49b_EndDate" hidden="1">
            <a:extLst>
              <a:ext uri="{FF2B5EF4-FFF2-40B4-BE49-F238E27FC236}">
                <a16:creationId xmlns:a16="http://schemas.microsoft.com/office/drawing/2014/main" id="{33DD4A2C-96E6-D0D5-8DB4-2AC4ADDB39C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9" name="OTLSHAPE_SLT_7d30f63091b24132a25eda5308550207_Duration" hidden="1">
            <a:extLst>
              <a:ext uri="{FF2B5EF4-FFF2-40B4-BE49-F238E27FC236}">
                <a16:creationId xmlns:a16="http://schemas.microsoft.com/office/drawing/2014/main" id="{821EAFAE-8F8A-23B6-83C8-4153EB55D38D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40" name="OTLSHAPE_SLT_7d30f63091b24132a25eda5308550207_TextPercentage" hidden="1">
            <a:extLst>
              <a:ext uri="{FF2B5EF4-FFF2-40B4-BE49-F238E27FC236}">
                <a16:creationId xmlns:a16="http://schemas.microsoft.com/office/drawing/2014/main" id="{E28C9869-AE7D-7055-9BDA-EB8C1BB368B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1" name="OTLSHAPE_SLT_7d30f63091b24132a25eda5308550207_JoinedDate" hidden="1">
            <a:extLst>
              <a:ext uri="{FF2B5EF4-FFF2-40B4-BE49-F238E27FC236}">
                <a16:creationId xmlns:a16="http://schemas.microsoft.com/office/drawing/2014/main" id="{75CB06B4-25CB-7C95-BA92-D08D9449CE0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742" name="OTLSHAPE_SLT_7d30f63091b24132a25eda5308550207_StartDate" hidden="1">
            <a:extLst>
              <a:ext uri="{FF2B5EF4-FFF2-40B4-BE49-F238E27FC236}">
                <a16:creationId xmlns:a16="http://schemas.microsoft.com/office/drawing/2014/main" id="{E843CECF-EF87-BDE6-533E-3947EE6B176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3" name="OTLSHAPE_SLT_7d30f63091b24132a25eda5308550207_EndDate" hidden="1">
            <a:extLst>
              <a:ext uri="{FF2B5EF4-FFF2-40B4-BE49-F238E27FC236}">
                <a16:creationId xmlns:a16="http://schemas.microsoft.com/office/drawing/2014/main" id="{46EBCB00-ADF7-3EF1-0FE5-EB0DE780D76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5" name="OTLSHAPE_SLT_72be62e6ebdb4d34b9b4b9a34c7a67a2_Duration" hidden="1">
            <a:extLst>
              <a:ext uri="{FF2B5EF4-FFF2-40B4-BE49-F238E27FC236}">
                <a16:creationId xmlns:a16="http://schemas.microsoft.com/office/drawing/2014/main" id="{D64C77A8-7EE1-801A-EEB2-BFBB6BBE5A9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46" name="OTLSHAPE_SLT_72be62e6ebdb4d34b9b4b9a34c7a67a2_TextPercentage" hidden="1">
            <a:extLst>
              <a:ext uri="{FF2B5EF4-FFF2-40B4-BE49-F238E27FC236}">
                <a16:creationId xmlns:a16="http://schemas.microsoft.com/office/drawing/2014/main" id="{B1CD9389-049B-C777-C273-CB486B69B09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7" name="OTLSHAPE_SLT_72be62e6ebdb4d34b9b4b9a34c7a67a2_JoinedDate" hidden="1">
            <a:extLst>
              <a:ext uri="{FF2B5EF4-FFF2-40B4-BE49-F238E27FC236}">
                <a16:creationId xmlns:a16="http://schemas.microsoft.com/office/drawing/2014/main" id="{D8180F6A-53F3-154D-03C7-1718418A4B31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 - Sep 30</a:t>
            </a:r>
          </a:p>
        </p:txBody>
      </p:sp>
      <p:sp>
        <p:nvSpPr>
          <p:cNvPr id="748" name="OTLSHAPE_SLT_72be62e6ebdb4d34b9b4b9a34c7a67a2_StartDate" hidden="1">
            <a:extLst>
              <a:ext uri="{FF2B5EF4-FFF2-40B4-BE49-F238E27FC236}">
                <a16:creationId xmlns:a16="http://schemas.microsoft.com/office/drawing/2014/main" id="{AC8A4B80-9F34-5D88-8E23-95BB62BCBCB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9" name="OTLSHAPE_SLT_72be62e6ebdb4d34b9b4b9a34c7a67a2_EndDate" hidden="1">
            <a:extLst>
              <a:ext uri="{FF2B5EF4-FFF2-40B4-BE49-F238E27FC236}">
                <a16:creationId xmlns:a16="http://schemas.microsoft.com/office/drawing/2014/main" id="{3C3A782B-40EF-3F03-3DFF-FF4D7AA507C8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1" name="OTLSHAPE_SLT_2f0049de037c4d98b448cb5708a41978_Duration" hidden="1">
            <a:extLst>
              <a:ext uri="{FF2B5EF4-FFF2-40B4-BE49-F238E27FC236}">
                <a16:creationId xmlns:a16="http://schemas.microsoft.com/office/drawing/2014/main" id="{3BB2155A-2E84-1E9C-6F06-36D324DDF2EF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52" name="OTLSHAPE_SLT_2f0049de037c4d98b448cb5708a41978_TextPercentage" hidden="1">
            <a:extLst>
              <a:ext uri="{FF2B5EF4-FFF2-40B4-BE49-F238E27FC236}">
                <a16:creationId xmlns:a16="http://schemas.microsoft.com/office/drawing/2014/main" id="{C7D3D130-41DA-A62B-0A4A-71499086D6E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53" name="OTLSHAPE_SLT_2f0049de037c4d98b448cb5708a41978_JoinedDate" hidden="1">
            <a:extLst>
              <a:ext uri="{FF2B5EF4-FFF2-40B4-BE49-F238E27FC236}">
                <a16:creationId xmlns:a16="http://schemas.microsoft.com/office/drawing/2014/main" id="{4B06BEAE-A8AC-15AD-D6B9-75CE535D37A0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754" name="OTLSHAPE_SLT_2f0049de037c4d98b448cb5708a41978_StartDate" hidden="1">
            <a:extLst>
              <a:ext uri="{FF2B5EF4-FFF2-40B4-BE49-F238E27FC236}">
                <a16:creationId xmlns:a16="http://schemas.microsoft.com/office/drawing/2014/main" id="{BDBB9B20-1A3F-6655-A20D-3AB95A4A669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5" name="OTLSHAPE_SLT_2f0049de037c4d98b448cb5708a41978_EndDate" hidden="1">
            <a:extLst>
              <a:ext uri="{FF2B5EF4-FFF2-40B4-BE49-F238E27FC236}">
                <a16:creationId xmlns:a16="http://schemas.microsoft.com/office/drawing/2014/main" id="{DB267FF2-0CF3-D8BC-BF4C-0EB6E4949EC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7" name="OTLSHAPE_SLT_ec84c2ee6c2549fb9b16456a8d18672a_Duration" hidden="1">
            <a:extLst>
              <a:ext uri="{FF2B5EF4-FFF2-40B4-BE49-F238E27FC236}">
                <a16:creationId xmlns:a16="http://schemas.microsoft.com/office/drawing/2014/main" id="{F8925191-D806-5BFE-437B-96E2AAF39CB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58" name="OTLSHAPE_SLT_ec84c2ee6c2549fb9b16456a8d18672a_TextPercentage" hidden="1">
            <a:extLst>
              <a:ext uri="{FF2B5EF4-FFF2-40B4-BE49-F238E27FC236}">
                <a16:creationId xmlns:a16="http://schemas.microsoft.com/office/drawing/2014/main" id="{C57290AB-AB62-0C99-EFA3-5388A5494DE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59" name="OTLSHAPE_SLT_ec84c2ee6c2549fb9b16456a8d18672a_JoinedDate" hidden="1">
            <a:extLst>
              <a:ext uri="{FF2B5EF4-FFF2-40B4-BE49-F238E27FC236}">
                <a16:creationId xmlns:a16="http://schemas.microsoft.com/office/drawing/2014/main" id="{C54208A1-1563-6E9B-4FAA-E89844003D61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760" name="OTLSHAPE_SLT_ec84c2ee6c2549fb9b16456a8d18672a_StartDate" hidden="1">
            <a:extLst>
              <a:ext uri="{FF2B5EF4-FFF2-40B4-BE49-F238E27FC236}">
                <a16:creationId xmlns:a16="http://schemas.microsoft.com/office/drawing/2014/main" id="{0B075BD5-C37F-7729-58E7-58E2F1DF960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1" name="OTLSHAPE_SLT_ec84c2ee6c2549fb9b16456a8d18672a_EndDate" hidden="1">
            <a:extLst>
              <a:ext uri="{FF2B5EF4-FFF2-40B4-BE49-F238E27FC236}">
                <a16:creationId xmlns:a16="http://schemas.microsoft.com/office/drawing/2014/main" id="{B5C5064B-52A8-3176-F8BB-7EAC8833316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3" name="OTLSHAPE_SLT_e67d4377e76b44619b5f96f22e20553f_Duration" hidden="1">
            <a:extLst>
              <a:ext uri="{FF2B5EF4-FFF2-40B4-BE49-F238E27FC236}">
                <a16:creationId xmlns:a16="http://schemas.microsoft.com/office/drawing/2014/main" id="{7B5E63B2-DC1B-7FC6-A4B5-6990EA179F97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64" name="OTLSHAPE_SLT_e67d4377e76b44619b5f96f22e20553f_TextPercentage" hidden="1">
            <a:extLst>
              <a:ext uri="{FF2B5EF4-FFF2-40B4-BE49-F238E27FC236}">
                <a16:creationId xmlns:a16="http://schemas.microsoft.com/office/drawing/2014/main" id="{52788368-9010-91BD-C2A8-F1AA6826839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5" name="OTLSHAPE_SLT_e67d4377e76b44619b5f96f22e20553f_JoinedDate" hidden="1">
            <a:extLst>
              <a:ext uri="{FF2B5EF4-FFF2-40B4-BE49-F238E27FC236}">
                <a16:creationId xmlns:a16="http://schemas.microsoft.com/office/drawing/2014/main" id="{4748EB28-31F5-DD38-9A19-94450CCBBF0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766" name="OTLSHAPE_SLT_e67d4377e76b44619b5f96f22e20553f_StartDate" hidden="1">
            <a:extLst>
              <a:ext uri="{FF2B5EF4-FFF2-40B4-BE49-F238E27FC236}">
                <a16:creationId xmlns:a16="http://schemas.microsoft.com/office/drawing/2014/main" id="{58E46993-1B37-237C-9BFD-80299C006103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7" name="OTLSHAPE_SLT_e67d4377e76b44619b5f96f22e20553f_EndDate" hidden="1">
            <a:extLst>
              <a:ext uri="{FF2B5EF4-FFF2-40B4-BE49-F238E27FC236}">
                <a16:creationId xmlns:a16="http://schemas.microsoft.com/office/drawing/2014/main" id="{E31F325F-B698-F410-8E20-3F6109B617B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2" name="OTLSHAPE_SLT_996106ec719e44a792f941c5b94682d2_Duration" hidden="1">
            <a:extLst>
              <a:ext uri="{FF2B5EF4-FFF2-40B4-BE49-F238E27FC236}">
                <a16:creationId xmlns:a16="http://schemas.microsoft.com/office/drawing/2014/main" id="{FB39DB3F-2883-9767-74A0-FE7BFE2148D4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73" name="OTLSHAPE_SLT_996106ec719e44a792f941c5b94682d2_TextPercentage" hidden="1">
            <a:extLst>
              <a:ext uri="{FF2B5EF4-FFF2-40B4-BE49-F238E27FC236}">
                <a16:creationId xmlns:a16="http://schemas.microsoft.com/office/drawing/2014/main" id="{5B122768-C107-262C-FA4D-0B0144293B9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74" name="OTLSHAPE_SLT_996106ec719e44a792f941c5b94682d2_JoinedDate" hidden="1">
            <a:extLst>
              <a:ext uri="{FF2B5EF4-FFF2-40B4-BE49-F238E27FC236}">
                <a16:creationId xmlns:a16="http://schemas.microsoft.com/office/drawing/2014/main" id="{A44658BC-0C29-D217-EC4A-A11C877C83F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775" name="OTLSHAPE_SLT_996106ec719e44a792f941c5b94682d2_StartDate" hidden="1">
            <a:extLst>
              <a:ext uri="{FF2B5EF4-FFF2-40B4-BE49-F238E27FC236}">
                <a16:creationId xmlns:a16="http://schemas.microsoft.com/office/drawing/2014/main" id="{1A42200C-72D0-C34C-7CA3-3BA9889DCF71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6" name="OTLSHAPE_SLT_996106ec719e44a792f941c5b94682d2_EndDate" hidden="1">
            <a:extLst>
              <a:ext uri="{FF2B5EF4-FFF2-40B4-BE49-F238E27FC236}">
                <a16:creationId xmlns:a16="http://schemas.microsoft.com/office/drawing/2014/main" id="{1CF0715D-B149-F3F7-3239-4B58DC07025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8" name="OTLSHAPE_SLT_a9b441df44f14c26b0dc7a35c1e77544_Duration" hidden="1">
            <a:extLst>
              <a:ext uri="{FF2B5EF4-FFF2-40B4-BE49-F238E27FC236}">
                <a16:creationId xmlns:a16="http://schemas.microsoft.com/office/drawing/2014/main" id="{560866AD-46FA-D0D5-3262-46D5EC6B8A4E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79" name="OTLSHAPE_SLT_a9b441df44f14c26b0dc7a35c1e77544_TextPercentage" hidden="1">
            <a:extLst>
              <a:ext uri="{FF2B5EF4-FFF2-40B4-BE49-F238E27FC236}">
                <a16:creationId xmlns:a16="http://schemas.microsoft.com/office/drawing/2014/main" id="{C82314BE-A093-4661-AF49-C17355590DCD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0" name="OTLSHAPE_SLT_a9b441df44f14c26b0dc7a35c1e77544_JoinedDate" hidden="1">
            <a:extLst>
              <a:ext uri="{FF2B5EF4-FFF2-40B4-BE49-F238E27FC236}">
                <a16:creationId xmlns:a16="http://schemas.microsoft.com/office/drawing/2014/main" id="{2B9A46CF-1691-53BA-6DFB-1B9461DF61E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781" name="OTLSHAPE_SLT_a9b441df44f14c26b0dc7a35c1e77544_StartDate" hidden="1">
            <a:extLst>
              <a:ext uri="{FF2B5EF4-FFF2-40B4-BE49-F238E27FC236}">
                <a16:creationId xmlns:a16="http://schemas.microsoft.com/office/drawing/2014/main" id="{9DE3B4C6-2313-7ED7-97DD-529076C3AB04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" name="OTLSHAPE_SLT_a9b441df44f14c26b0dc7a35c1e77544_EndDate" hidden="1">
            <a:extLst>
              <a:ext uri="{FF2B5EF4-FFF2-40B4-BE49-F238E27FC236}">
                <a16:creationId xmlns:a16="http://schemas.microsoft.com/office/drawing/2014/main" id="{9C380C9B-E256-7336-0D6D-9686F2EA54BC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4" name="OTLSHAPE_SLT_f06ad141bc484c2d82d15fada2d07710_Duration" hidden="1">
            <a:extLst>
              <a:ext uri="{FF2B5EF4-FFF2-40B4-BE49-F238E27FC236}">
                <a16:creationId xmlns:a16="http://schemas.microsoft.com/office/drawing/2014/main" id="{E6D16607-C794-1632-17F1-BD2F17B86D64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85" name="OTLSHAPE_SLT_f06ad141bc484c2d82d15fada2d07710_TextPercentage" hidden="1">
            <a:extLst>
              <a:ext uri="{FF2B5EF4-FFF2-40B4-BE49-F238E27FC236}">
                <a16:creationId xmlns:a16="http://schemas.microsoft.com/office/drawing/2014/main" id="{351E1150-6C8C-D5E8-E089-3865AE40E9E9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6" name="OTLSHAPE_SLT_f06ad141bc484c2d82d15fada2d07710_JoinedDate" hidden="1">
            <a:extLst>
              <a:ext uri="{FF2B5EF4-FFF2-40B4-BE49-F238E27FC236}">
                <a16:creationId xmlns:a16="http://schemas.microsoft.com/office/drawing/2014/main" id="{6B73E915-05AA-108E-27F0-B3F37A8794BE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 - Sep 30</a:t>
            </a:r>
          </a:p>
        </p:txBody>
      </p:sp>
      <p:sp>
        <p:nvSpPr>
          <p:cNvPr id="787" name="OTLSHAPE_SLT_f06ad141bc484c2d82d15fada2d07710_StartDate" hidden="1">
            <a:extLst>
              <a:ext uri="{FF2B5EF4-FFF2-40B4-BE49-F238E27FC236}">
                <a16:creationId xmlns:a16="http://schemas.microsoft.com/office/drawing/2014/main" id="{451187FE-BB72-1A1C-1760-73282D05709E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8" name="OTLSHAPE_SLT_f06ad141bc484c2d82d15fada2d07710_EndDate" hidden="1">
            <a:extLst>
              <a:ext uri="{FF2B5EF4-FFF2-40B4-BE49-F238E27FC236}">
                <a16:creationId xmlns:a16="http://schemas.microsoft.com/office/drawing/2014/main" id="{A0EAAE9B-3B03-4F1E-6697-252C34383BD0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0" name="OTLSHAPE_SLT_914556570e8041a6831b773ee2e33f67_Duration" hidden="1">
            <a:extLst>
              <a:ext uri="{FF2B5EF4-FFF2-40B4-BE49-F238E27FC236}">
                <a16:creationId xmlns:a16="http://schemas.microsoft.com/office/drawing/2014/main" id="{81748A2D-7AFA-050D-5B64-520010FECD1F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91" name="OTLSHAPE_SLT_914556570e8041a6831b773ee2e33f67_TextPercentage" hidden="1">
            <a:extLst>
              <a:ext uri="{FF2B5EF4-FFF2-40B4-BE49-F238E27FC236}">
                <a16:creationId xmlns:a16="http://schemas.microsoft.com/office/drawing/2014/main" id="{82B01717-DCA9-EA07-F61B-2403B79207C6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2" name="OTLSHAPE_SLT_914556570e8041a6831b773ee2e33f67_JoinedDate" hidden="1">
            <a:extLst>
              <a:ext uri="{FF2B5EF4-FFF2-40B4-BE49-F238E27FC236}">
                <a16:creationId xmlns:a16="http://schemas.microsoft.com/office/drawing/2014/main" id="{03401763-8EA8-A76E-5655-3AE24D42A612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793" name="OTLSHAPE_SLT_914556570e8041a6831b773ee2e33f67_StartDate" hidden="1">
            <a:extLst>
              <a:ext uri="{FF2B5EF4-FFF2-40B4-BE49-F238E27FC236}">
                <a16:creationId xmlns:a16="http://schemas.microsoft.com/office/drawing/2014/main" id="{219E65E0-F982-6362-B891-0186ACE09F4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4" name="OTLSHAPE_SLT_914556570e8041a6831b773ee2e33f67_EndDate" hidden="1">
            <a:extLst>
              <a:ext uri="{FF2B5EF4-FFF2-40B4-BE49-F238E27FC236}">
                <a16:creationId xmlns:a16="http://schemas.microsoft.com/office/drawing/2014/main" id="{A6A0C545-5D8E-E5E5-D270-9A039FD44C9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6" name="OTLSHAPE_SLT_c50386891f134416b9ad455500a37216_Duration" hidden="1">
            <a:extLst>
              <a:ext uri="{FF2B5EF4-FFF2-40B4-BE49-F238E27FC236}">
                <a16:creationId xmlns:a16="http://schemas.microsoft.com/office/drawing/2014/main" id="{B042FF04-F066-6B4A-6BE2-348F42482D75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97" name="OTLSHAPE_SLT_c50386891f134416b9ad455500a37216_TextPercentage" hidden="1">
            <a:extLst>
              <a:ext uri="{FF2B5EF4-FFF2-40B4-BE49-F238E27FC236}">
                <a16:creationId xmlns:a16="http://schemas.microsoft.com/office/drawing/2014/main" id="{4D46F6D7-F840-AB1A-1A80-DFEC2D2F0607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8" name="OTLSHAPE_SLT_c50386891f134416b9ad455500a37216_JoinedDate" hidden="1">
            <a:extLst>
              <a:ext uri="{FF2B5EF4-FFF2-40B4-BE49-F238E27FC236}">
                <a16:creationId xmlns:a16="http://schemas.microsoft.com/office/drawing/2014/main" id="{8713E9B1-FA56-B3B0-F31A-733F7DBF38B0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799" name="OTLSHAPE_SLT_c50386891f134416b9ad455500a37216_StartDate" hidden="1">
            <a:extLst>
              <a:ext uri="{FF2B5EF4-FFF2-40B4-BE49-F238E27FC236}">
                <a16:creationId xmlns:a16="http://schemas.microsoft.com/office/drawing/2014/main" id="{3EE375B8-1BCD-16E7-7C9F-EA897302F37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SLT_c50386891f134416b9ad455500a37216_EndDate" hidden="1">
            <a:extLst>
              <a:ext uri="{FF2B5EF4-FFF2-40B4-BE49-F238E27FC236}">
                <a16:creationId xmlns:a16="http://schemas.microsoft.com/office/drawing/2014/main" id="{32CBB083-3A1E-C6F0-B2D1-CE3A1F441C1D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" name="OTLSHAPE_SLT_393185698fff41f28e821ff9e2fe0cbe_Duration" hidden="1">
            <a:extLst>
              <a:ext uri="{FF2B5EF4-FFF2-40B4-BE49-F238E27FC236}">
                <a16:creationId xmlns:a16="http://schemas.microsoft.com/office/drawing/2014/main" id="{1062DBA3-7301-B36B-B9E1-0FA9EE7F2BA2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03" name="OTLSHAPE_SLT_393185698fff41f28e821ff9e2fe0cbe_TextPercentage" hidden="1">
            <a:extLst>
              <a:ext uri="{FF2B5EF4-FFF2-40B4-BE49-F238E27FC236}">
                <a16:creationId xmlns:a16="http://schemas.microsoft.com/office/drawing/2014/main" id="{F8CEF765-269F-032B-41A4-954430A86E00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4" name="OTLSHAPE_SLT_393185698fff41f28e821ff9e2fe0cbe_JoinedDate" hidden="1">
            <a:extLst>
              <a:ext uri="{FF2B5EF4-FFF2-40B4-BE49-F238E27FC236}">
                <a16:creationId xmlns:a16="http://schemas.microsoft.com/office/drawing/2014/main" id="{D434FDAE-787C-3A8E-5653-0B602649C94F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805" name="OTLSHAPE_SLT_393185698fff41f28e821ff9e2fe0cbe_StartDate" hidden="1">
            <a:extLst>
              <a:ext uri="{FF2B5EF4-FFF2-40B4-BE49-F238E27FC236}">
                <a16:creationId xmlns:a16="http://schemas.microsoft.com/office/drawing/2014/main" id="{8B59EE93-862F-43A2-77C9-5D87CC0BA2A3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" name="OTLSHAPE_SLT_393185698fff41f28e821ff9e2fe0cbe_EndDate" hidden="1">
            <a:extLst>
              <a:ext uri="{FF2B5EF4-FFF2-40B4-BE49-F238E27FC236}">
                <a16:creationId xmlns:a16="http://schemas.microsoft.com/office/drawing/2014/main" id="{7ACC603D-45E6-C638-D4B9-F81BDF6E6562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1" name="OTLSHAPE_SLT_05283520da234ae8a19a1c0b41ee5232_Duration" hidden="1">
            <a:extLst>
              <a:ext uri="{FF2B5EF4-FFF2-40B4-BE49-F238E27FC236}">
                <a16:creationId xmlns:a16="http://schemas.microsoft.com/office/drawing/2014/main" id="{9E151E9A-233D-E2B5-65F8-4383BC048C95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12" name="OTLSHAPE_SLT_05283520da234ae8a19a1c0b41ee5232_TextPercentage" hidden="1">
            <a:extLst>
              <a:ext uri="{FF2B5EF4-FFF2-40B4-BE49-F238E27FC236}">
                <a16:creationId xmlns:a16="http://schemas.microsoft.com/office/drawing/2014/main" id="{BC9498BA-6EC5-AEA6-47F6-90A4A5E41D09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3" name="OTLSHAPE_SLT_05283520da234ae8a19a1c0b41ee5232_JoinedDate" hidden="1">
            <a:extLst>
              <a:ext uri="{FF2B5EF4-FFF2-40B4-BE49-F238E27FC236}">
                <a16:creationId xmlns:a16="http://schemas.microsoft.com/office/drawing/2014/main" id="{904F3B3B-52DB-B974-1BF8-F348C15B800F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814" name="OTLSHAPE_SLT_05283520da234ae8a19a1c0b41ee5232_StartDate" hidden="1">
            <a:extLst>
              <a:ext uri="{FF2B5EF4-FFF2-40B4-BE49-F238E27FC236}">
                <a16:creationId xmlns:a16="http://schemas.microsoft.com/office/drawing/2014/main" id="{7A20841C-07D1-9BC3-77A3-4D8F97E4E11C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5" name="OTLSHAPE_SLT_05283520da234ae8a19a1c0b41ee5232_EndDate" hidden="1">
            <a:extLst>
              <a:ext uri="{FF2B5EF4-FFF2-40B4-BE49-F238E27FC236}">
                <a16:creationId xmlns:a16="http://schemas.microsoft.com/office/drawing/2014/main" id="{7601EF0C-23AE-2479-FDDB-0DBE707DD8E6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SLT_9a0a7235681346219551fc85138bf6c0_Duration" hidden="1">
            <a:extLst>
              <a:ext uri="{FF2B5EF4-FFF2-40B4-BE49-F238E27FC236}">
                <a16:creationId xmlns:a16="http://schemas.microsoft.com/office/drawing/2014/main" id="{49F09662-5F21-C8F1-3DF2-09E5E13CC9CE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18" name="OTLSHAPE_SLT_9a0a7235681346219551fc85138bf6c0_TextPercentage" hidden="1">
            <a:extLst>
              <a:ext uri="{FF2B5EF4-FFF2-40B4-BE49-F238E27FC236}">
                <a16:creationId xmlns:a16="http://schemas.microsoft.com/office/drawing/2014/main" id="{E3D87710-9213-A2F2-DA1E-9F1314AC4D7D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9" name="OTLSHAPE_SLT_9a0a7235681346219551fc85138bf6c0_JoinedDate" hidden="1">
            <a:extLst>
              <a:ext uri="{FF2B5EF4-FFF2-40B4-BE49-F238E27FC236}">
                <a16:creationId xmlns:a16="http://schemas.microsoft.com/office/drawing/2014/main" id="{070A3469-B8AF-83EF-6C56-8C829AED5B98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820" name="OTLSHAPE_SLT_9a0a7235681346219551fc85138bf6c0_StartDate" hidden="1">
            <a:extLst>
              <a:ext uri="{FF2B5EF4-FFF2-40B4-BE49-F238E27FC236}">
                <a16:creationId xmlns:a16="http://schemas.microsoft.com/office/drawing/2014/main" id="{65082D3E-6CF3-C04F-9586-57338ACB727F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1" name="OTLSHAPE_SLT_9a0a7235681346219551fc85138bf6c0_EndDate" hidden="1">
            <a:extLst>
              <a:ext uri="{FF2B5EF4-FFF2-40B4-BE49-F238E27FC236}">
                <a16:creationId xmlns:a16="http://schemas.microsoft.com/office/drawing/2014/main" id="{49C32CA9-4D4B-0DB2-E8ED-3566CEBDA4B4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3" name="OTLSHAPE_SLT_72fa1b56253c4712929fed5c7e59d9c5_Duration" hidden="1">
            <a:extLst>
              <a:ext uri="{FF2B5EF4-FFF2-40B4-BE49-F238E27FC236}">
                <a16:creationId xmlns:a16="http://schemas.microsoft.com/office/drawing/2014/main" id="{0E7E55D2-0C09-7400-B3B0-E56C4B5991C8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24" name="OTLSHAPE_SLT_72fa1b56253c4712929fed5c7e59d9c5_TextPercentage" hidden="1">
            <a:extLst>
              <a:ext uri="{FF2B5EF4-FFF2-40B4-BE49-F238E27FC236}">
                <a16:creationId xmlns:a16="http://schemas.microsoft.com/office/drawing/2014/main" id="{8729282A-6294-367D-BEA9-FAA022C260C9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SLT_72fa1b56253c4712929fed5c7e59d9c5_JoinedDate" hidden="1">
            <a:extLst>
              <a:ext uri="{FF2B5EF4-FFF2-40B4-BE49-F238E27FC236}">
                <a16:creationId xmlns:a16="http://schemas.microsoft.com/office/drawing/2014/main" id="{3258EC2A-5AAE-392C-3407-358908356BD1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 - Sep 30</a:t>
            </a:r>
          </a:p>
        </p:txBody>
      </p:sp>
      <p:sp>
        <p:nvSpPr>
          <p:cNvPr id="826" name="OTLSHAPE_SLT_72fa1b56253c4712929fed5c7e59d9c5_StartDate" hidden="1">
            <a:extLst>
              <a:ext uri="{FF2B5EF4-FFF2-40B4-BE49-F238E27FC236}">
                <a16:creationId xmlns:a16="http://schemas.microsoft.com/office/drawing/2014/main" id="{F6EC54CA-CF52-1B47-7A0B-34E57110BED7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7" name="OTLSHAPE_SLT_72fa1b56253c4712929fed5c7e59d9c5_EndDate" hidden="1">
            <a:extLst>
              <a:ext uri="{FF2B5EF4-FFF2-40B4-BE49-F238E27FC236}">
                <a16:creationId xmlns:a16="http://schemas.microsoft.com/office/drawing/2014/main" id="{949CDC76-976F-8F2F-38D3-A1C2FB0E2D0C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9" name="OTLSHAPE_SLT_83a720603937402a911205c9ff475ed1_Duration" hidden="1">
            <a:extLst>
              <a:ext uri="{FF2B5EF4-FFF2-40B4-BE49-F238E27FC236}">
                <a16:creationId xmlns:a16="http://schemas.microsoft.com/office/drawing/2014/main" id="{AB0552AA-C180-9BD5-AD47-62E9081DDA1D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30" name="OTLSHAPE_SLT_83a720603937402a911205c9ff475ed1_TextPercentage" hidden="1">
            <a:extLst>
              <a:ext uri="{FF2B5EF4-FFF2-40B4-BE49-F238E27FC236}">
                <a16:creationId xmlns:a16="http://schemas.microsoft.com/office/drawing/2014/main" id="{C4DF29D0-BA7E-41E1-38F5-C0F1B44F4131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31" name="OTLSHAPE_SLT_83a720603937402a911205c9ff475ed1_JoinedDate" hidden="1">
            <a:extLst>
              <a:ext uri="{FF2B5EF4-FFF2-40B4-BE49-F238E27FC236}">
                <a16:creationId xmlns:a16="http://schemas.microsoft.com/office/drawing/2014/main" id="{D7A44FAA-E2D7-4535-7BEC-E4867BE2B444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832" name="OTLSHAPE_SLT_83a720603937402a911205c9ff475ed1_StartDate" hidden="1">
            <a:extLst>
              <a:ext uri="{FF2B5EF4-FFF2-40B4-BE49-F238E27FC236}">
                <a16:creationId xmlns:a16="http://schemas.microsoft.com/office/drawing/2014/main" id="{4DC6B090-B4DC-8B69-48C4-01F4D56A563A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3" name="OTLSHAPE_SLT_83a720603937402a911205c9ff475ed1_EndDate" hidden="1">
            <a:extLst>
              <a:ext uri="{FF2B5EF4-FFF2-40B4-BE49-F238E27FC236}">
                <a16:creationId xmlns:a16="http://schemas.microsoft.com/office/drawing/2014/main" id="{E7F6495C-C35E-9BAB-D65D-B6A3614909E8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5" name="OTLSHAPE_SLT_9d191bd58b0747ff8ea9f61162766073_Duration" hidden="1">
            <a:extLst>
              <a:ext uri="{FF2B5EF4-FFF2-40B4-BE49-F238E27FC236}">
                <a16:creationId xmlns:a16="http://schemas.microsoft.com/office/drawing/2014/main" id="{C201C1D5-6784-F5E1-B7A5-B64103FEA9ED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36" name="OTLSHAPE_SLT_9d191bd58b0747ff8ea9f61162766073_TextPercentage" hidden="1">
            <a:extLst>
              <a:ext uri="{FF2B5EF4-FFF2-40B4-BE49-F238E27FC236}">
                <a16:creationId xmlns:a16="http://schemas.microsoft.com/office/drawing/2014/main" id="{B1751A6B-141F-FAE4-A2AB-02C1AE1C2A54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37" name="OTLSHAPE_SLT_9d191bd58b0747ff8ea9f61162766073_JoinedDate" hidden="1">
            <a:extLst>
              <a:ext uri="{FF2B5EF4-FFF2-40B4-BE49-F238E27FC236}">
                <a16:creationId xmlns:a16="http://schemas.microsoft.com/office/drawing/2014/main" id="{27953AA3-2472-0856-307F-E4EA13E438B2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838" name="OTLSHAPE_SLT_9d191bd58b0747ff8ea9f61162766073_StartDate" hidden="1">
            <a:extLst>
              <a:ext uri="{FF2B5EF4-FFF2-40B4-BE49-F238E27FC236}">
                <a16:creationId xmlns:a16="http://schemas.microsoft.com/office/drawing/2014/main" id="{C690DADC-B436-152B-B04F-29087264ECEC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9" name="OTLSHAPE_SLT_9d191bd58b0747ff8ea9f61162766073_EndDate" hidden="1">
            <a:extLst>
              <a:ext uri="{FF2B5EF4-FFF2-40B4-BE49-F238E27FC236}">
                <a16:creationId xmlns:a16="http://schemas.microsoft.com/office/drawing/2014/main" id="{5648F303-4DC5-A910-F81A-C434B6A6A7AE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1" name="OTLSHAPE_SLT_f6ee8af8302d48aa90fdcc3e1054b92e_Duration" hidden="1">
            <a:extLst>
              <a:ext uri="{FF2B5EF4-FFF2-40B4-BE49-F238E27FC236}">
                <a16:creationId xmlns:a16="http://schemas.microsoft.com/office/drawing/2014/main" id="{988ED9C1-C62B-204D-489F-73A865AC76D2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42" name="OTLSHAPE_SLT_f6ee8af8302d48aa90fdcc3e1054b92e_TextPercentage" hidden="1">
            <a:extLst>
              <a:ext uri="{FF2B5EF4-FFF2-40B4-BE49-F238E27FC236}">
                <a16:creationId xmlns:a16="http://schemas.microsoft.com/office/drawing/2014/main" id="{0789E62C-074A-04D0-DB8B-9D7E39671DF1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43" name="OTLSHAPE_SLT_f6ee8af8302d48aa90fdcc3e1054b92e_JoinedDate" hidden="1">
            <a:extLst>
              <a:ext uri="{FF2B5EF4-FFF2-40B4-BE49-F238E27FC236}">
                <a16:creationId xmlns:a16="http://schemas.microsoft.com/office/drawing/2014/main" id="{DC109526-9FF3-2F2F-9E09-6E41400CEC09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844" name="OTLSHAPE_SLT_f6ee8af8302d48aa90fdcc3e1054b92e_StartDate" hidden="1">
            <a:extLst>
              <a:ext uri="{FF2B5EF4-FFF2-40B4-BE49-F238E27FC236}">
                <a16:creationId xmlns:a16="http://schemas.microsoft.com/office/drawing/2014/main" id="{294D8F2B-2047-1BC2-3937-BDFEE6AC8BE5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5" name="OTLSHAPE_SLT_f6ee8af8302d48aa90fdcc3e1054b92e_EndDate" hidden="1">
            <a:extLst>
              <a:ext uri="{FF2B5EF4-FFF2-40B4-BE49-F238E27FC236}">
                <a16:creationId xmlns:a16="http://schemas.microsoft.com/office/drawing/2014/main" id="{EB34ABFA-9F77-7F32-F993-065D633649C8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7" name="OTLSHAPE_SLT_36c6401236dc4264b455bf05d8abb315_Duration" hidden="1">
            <a:extLst>
              <a:ext uri="{FF2B5EF4-FFF2-40B4-BE49-F238E27FC236}">
                <a16:creationId xmlns:a16="http://schemas.microsoft.com/office/drawing/2014/main" id="{EA521E93-7BE0-AC96-59B1-FB81748A0066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48" name="OTLSHAPE_SLT_36c6401236dc4264b455bf05d8abb315_TextPercentage" hidden="1">
            <a:extLst>
              <a:ext uri="{FF2B5EF4-FFF2-40B4-BE49-F238E27FC236}">
                <a16:creationId xmlns:a16="http://schemas.microsoft.com/office/drawing/2014/main" id="{7DE6BE8C-EAE9-C938-C72A-A948EFE43B4C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49" name="OTLSHAPE_SLT_36c6401236dc4264b455bf05d8abb315_JoinedDate" hidden="1">
            <a:extLst>
              <a:ext uri="{FF2B5EF4-FFF2-40B4-BE49-F238E27FC236}">
                <a16:creationId xmlns:a16="http://schemas.microsoft.com/office/drawing/2014/main" id="{5F08CC50-C6A3-4DDF-A876-7E4667A5168B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 - Sep 30</a:t>
            </a:r>
          </a:p>
        </p:txBody>
      </p:sp>
      <p:sp>
        <p:nvSpPr>
          <p:cNvPr id="850" name="OTLSHAPE_SLT_36c6401236dc4264b455bf05d8abb315_StartDate" hidden="1">
            <a:extLst>
              <a:ext uri="{FF2B5EF4-FFF2-40B4-BE49-F238E27FC236}">
                <a16:creationId xmlns:a16="http://schemas.microsoft.com/office/drawing/2014/main" id="{D5EF7B11-2E68-B444-0B0A-36E79B1FBCB4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1" name="OTLSHAPE_SLT_36c6401236dc4264b455bf05d8abb315_EndDate" hidden="1">
            <a:extLst>
              <a:ext uri="{FF2B5EF4-FFF2-40B4-BE49-F238E27FC236}">
                <a16:creationId xmlns:a16="http://schemas.microsoft.com/office/drawing/2014/main" id="{4F15EA29-397C-E6BB-9B42-494BCB9842FE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3" name="OTLSHAPE_SLT_f9207725c3b24cc7a4bbb5b7896fb8ad_Duration" hidden="1">
            <a:extLst>
              <a:ext uri="{FF2B5EF4-FFF2-40B4-BE49-F238E27FC236}">
                <a16:creationId xmlns:a16="http://schemas.microsoft.com/office/drawing/2014/main" id="{7FD50C69-E238-579C-14B9-D3FE888F3FF0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54" name="OTLSHAPE_SLT_f9207725c3b24cc7a4bbb5b7896fb8ad_TextPercentage" hidden="1">
            <a:extLst>
              <a:ext uri="{FF2B5EF4-FFF2-40B4-BE49-F238E27FC236}">
                <a16:creationId xmlns:a16="http://schemas.microsoft.com/office/drawing/2014/main" id="{3C321FFA-94BD-6FFB-8D61-871D8E2771CB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5" name="OTLSHAPE_SLT_f9207725c3b24cc7a4bbb5b7896fb8ad_JoinedDate" hidden="1">
            <a:extLst>
              <a:ext uri="{FF2B5EF4-FFF2-40B4-BE49-F238E27FC236}">
                <a16:creationId xmlns:a16="http://schemas.microsoft.com/office/drawing/2014/main" id="{BB2E6339-5665-0F03-D001-D91CC43A31C1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856" name="OTLSHAPE_SLT_f9207725c3b24cc7a4bbb5b7896fb8ad_StartDate" hidden="1">
            <a:extLst>
              <a:ext uri="{FF2B5EF4-FFF2-40B4-BE49-F238E27FC236}">
                <a16:creationId xmlns:a16="http://schemas.microsoft.com/office/drawing/2014/main" id="{D46DA476-CB86-BF68-56DE-0E7ED9615F7D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7" name="OTLSHAPE_SLT_f9207725c3b24cc7a4bbb5b7896fb8ad_EndDate" hidden="1">
            <a:extLst>
              <a:ext uri="{FF2B5EF4-FFF2-40B4-BE49-F238E27FC236}">
                <a16:creationId xmlns:a16="http://schemas.microsoft.com/office/drawing/2014/main" id="{2AEEF4A3-3298-0252-7C84-CCC43F9AA5EE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2" name="OTLSHAPE_SLT_67349c8949874bc78f618b3639315dd9_Duration" hidden="1">
            <a:extLst>
              <a:ext uri="{FF2B5EF4-FFF2-40B4-BE49-F238E27FC236}">
                <a16:creationId xmlns:a16="http://schemas.microsoft.com/office/drawing/2014/main" id="{C9A2C1DD-821E-9892-BB1F-DD58E63CECFB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63" name="OTLSHAPE_SLT_67349c8949874bc78f618b3639315dd9_TextPercentage" hidden="1">
            <a:extLst>
              <a:ext uri="{FF2B5EF4-FFF2-40B4-BE49-F238E27FC236}">
                <a16:creationId xmlns:a16="http://schemas.microsoft.com/office/drawing/2014/main" id="{6E946D72-BD6B-0B13-C25E-1BE9F7968088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4" name="OTLSHAPE_SLT_67349c8949874bc78f618b3639315dd9_JoinedDate" hidden="1">
            <a:extLst>
              <a:ext uri="{FF2B5EF4-FFF2-40B4-BE49-F238E27FC236}">
                <a16:creationId xmlns:a16="http://schemas.microsoft.com/office/drawing/2014/main" id="{95070B0D-3A76-AB94-F0A9-FEB2AC88974F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Mar 31</a:t>
            </a:r>
          </a:p>
        </p:txBody>
      </p:sp>
      <p:sp>
        <p:nvSpPr>
          <p:cNvPr id="865" name="OTLSHAPE_SLT_67349c8949874bc78f618b3639315dd9_StartDate" hidden="1">
            <a:extLst>
              <a:ext uri="{FF2B5EF4-FFF2-40B4-BE49-F238E27FC236}">
                <a16:creationId xmlns:a16="http://schemas.microsoft.com/office/drawing/2014/main" id="{891514C3-F272-0DEF-CD02-BF50FA6DA9A9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6" name="OTLSHAPE_SLT_67349c8949874bc78f618b3639315dd9_EndDate" hidden="1">
            <a:extLst>
              <a:ext uri="{FF2B5EF4-FFF2-40B4-BE49-F238E27FC236}">
                <a16:creationId xmlns:a16="http://schemas.microsoft.com/office/drawing/2014/main" id="{800642D0-BEFF-C19B-39C1-C7AC1C987C66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8" name="OTLSHAPE_SLT_5181f07ab36c46c6b90a7871ee228941_Duration" hidden="1">
            <a:extLst>
              <a:ext uri="{FF2B5EF4-FFF2-40B4-BE49-F238E27FC236}">
                <a16:creationId xmlns:a16="http://schemas.microsoft.com/office/drawing/2014/main" id="{76BBEE02-5F38-740D-3F70-F89CC301D599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69" name="OTLSHAPE_SLT_5181f07ab36c46c6b90a7871ee228941_TextPercentage" hidden="1">
            <a:extLst>
              <a:ext uri="{FF2B5EF4-FFF2-40B4-BE49-F238E27FC236}">
                <a16:creationId xmlns:a16="http://schemas.microsoft.com/office/drawing/2014/main" id="{9A848C21-BBD4-0976-4621-3648096A8782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0" name="OTLSHAPE_SLT_5181f07ab36c46c6b90a7871ee228941_JoinedDate" hidden="1">
            <a:extLst>
              <a:ext uri="{FF2B5EF4-FFF2-40B4-BE49-F238E27FC236}">
                <a16:creationId xmlns:a16="http://schemas.microsoft.com/office/drawing/2014/main" id="{20FF87FD-F50A-FE2E-6723-73A438FA758E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871" name="OTLSHAPE_SLT_5181f07ab36c46c6b90a7871ee228941_StartDate" hidden="1">
            <a:extLst>
              <a:ext uri="{FF2B5EF4-FFF2-40B4-BE49-F238E27FC236}">
                <a16:creationId xmlns:a16="http://schemas.microsoft.com/office/drawing/2014/main" id="{719DEAA3-FCC9-63E1-ED85-1A30D0C9A426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2" name="OTLSHAPE_SLT_5181f07ab36c46c6b90a7871ee228941_EndDate" hidden="1">
            <a:extLst>
              <a:ext uri="{FF2B5EF4-FFF2-40B4-BE49-F238E27FC236}">
                <a16:creationId xmlns:a16="http://schemas.microsoft.com/office/drawing/2014/main" id="{431170A3-E845-6677-88E7-8CFEF575698A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4" name="OTLSHAPE_SLT_2f35635629784a0690b9d9a08492bacb_Duration" hidden="1">
            <a:extLst>
              <a:ext uri="{FF2B5EF4-FFF2-40B4-BE49-F238E27FC236}">
                <a16:creationId xmlns:a16="http://schemas.microsoft.com/office/drawing/2014/main" id="{07B2EFE1-1602-0866-CE4D-58E2CE22E013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75" name="OTLSHAPE_SLT_2f35635629784a0690b9d9a08492bacb_TextPercentage" hidden="1">
            <a:extLst>
              <a:ext uri="{FF2B5EF4-FFF2-40B4-BE49-F238E27FC236}">
                <a16:creationId xmlns:a16="http://schemas.microsoft.com/office/drawing/2014/main" id="{04D5EA5B-4C07-1295-CB4A-2ACF6877EDC9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6" name="OTLSHAPE_SLT_2f35635629784a0690b9d9a08492bacb_JoinedDate" hidden="1">
            <a:extLst>
              <a:ext uri="{FF2B5EF4-FFF2-40B4-BE49-F238E27FC236}">
                <a16:creationId xmlns:a16="http://schemas.microsoft.com/office/drawing/2014/main" id="{437D47CC-8104-1284-D76A-BB89CDEED0D7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 - Sep 30</a:t>
            </a:r>
          </a:p>
        </p:txBody>
      </p:sp>
      <p:sp>
        <p:nvSpPr>
          <p:cNvPr id="877" name="OTLSHAPE_SLT_2f35635629784a0690b9d9a08492bacb_StartDate" hidden="1">
            <a:extLst>
              <a:ext uri="{FF2B5EF4-FFF2-40B4-BE49-F238E27FC236}">
                <a16:creationId xmlns:a16="http://schemas.microsoft.com/office/drawing/2014/main" id="{FAB250FD-9DFA-D6DB-1507-87B7BACE67A9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8" name="OTLSHAPE_SLT_2f35635629784a0690b9d9a08492bacb_EndDate" hidden="1">
            <a:extLst>
              <a:ext uri="{FF2B5EF4-FFF2-40B4-BE49-F238E27FC236}">
                <a16:creationId xmlns:a16="http://schemas.microsoft.com/office/drawing/2014/main" id="{600E5216-C5BB-14F8-350A-99D61A80C84B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0" name="OTLSHAPE_SLT_0996a1131df04736bc034131d51155c7_Duration" hidden="1">
            <a:extLst>
              <a:ext uri="{FF2B5EF4-FFF2-40B4-BE49-F238E27FC236}">
                <a16:creationId xmlns:a16="http://schemas.microsoft.com/office/drawing/2014/main" id="{48564BBD-5345-1D76-4799-E9F8B53B659A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81" name="OTLSHAPE_SLT_0996a1131df04736bc034131d51155c7_TextPercentage" hidden="1">
            <a:extLst>
              <a:ext uri="{FF2B5EF4-FFF2-40B4-BE49-F238E27FC236}">
                <a16:creationId xmlns:a16="http://schemas.microsoft.com/office/drawing/2014/main" id="{F58D238A-CB39-32E7-3EA5-7D317F7A0F12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2" name="OTLSHAPE_SLT_0996a1131df04736bc034131d51155c7_JoinedDate" hidden="1">
            <a:extLst>
              <a:ext uri="{FF2B5EF4-FFF2-40B4-BE49-F238E27FC236}">
                <a16:creationId xmlns:a16="http://schemas.microsoft.com/office/drawing/2014/main" id="{0A6325A6-532A-1477-6BB9-96D5FF2F4425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883" name="OTLSHAPE_SLT_0996a1131df04736bc034131d51155c7_StartDate" hidden="1">
            <a:extLst>
              <a:ext uri="{FF2B5EF4-FFF2-40B4-BE49-F238E27FC236}">
                <a16:creationId xmlns:a16="http://schemas.microsoft.com/office/drawing/2014/main" id="{51774988-548F-2878-5CBD-B0F19DA5F14B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4" name="OTLSHAPE_SLT_0996a1131df04736bc034131d51155c7_EndDate" hidden="1">
            <a:extLst>
              <a:ext uri="{FF2B5EF4-FFF2-40B4-BE49-F238E27FC236}">
                <a16:creationId xmlns:a16="http://schemas.microsoft.com/office/drawing/2014/main" id="{E0434C7C-16AA-FE79-65CB-51D009AE1564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6" name="OTLSHAPE_SLT_940bc3d51d26456abc1a5b5861ce0da9_Duration" hidden="1">
            <a:extLst>
              <a:ext uri="{FF2B5EF4-FFF2-40B4-BE49-F238E27FC236}">
                <a16:creationId xmlns:a16="http://schemas.microsoft.com/office/drawing/2014/main" id="{D8CB816B-BEAF-8366-32F1-6A9E3B6BE2C4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87" name="OTLSHAPE_SLT_940bc3d51d26456abc1a5b5861ce0da9_TextPercentage" hidden="1">
            <a:extLst>
              <a:ext uri="{FF2B5EF4-FFF2-40B4-BE49-F238E27FC236}">
                <a16:creationId xmlns:a16="http://schemas.microsoft.com/office/drawing/2014/main" id="{91DE9649-E485-A5B1-60F2-5B5698082174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SLT_940bc3d51d26456abc1a5b5861ce0da9_JoinedDate" hidden="1">
            <a:extLst>
              <a:ext uri="{FF2B5EF4-FFF2-40B4-BE49-F238E27FC236}">
                <a16:creationId xmlns:a16="http://schemas.microsoft.com/office/drawing/2014/main" id="{A2FA9A08-2857-35CD-4D35-9D09887D707D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 - Jun 30</a:t>
            </a:r>
          </a:p>
        </p:txBody>
      </p:sp>
      <p:sp>
        <p:nvSpPr>
          <p:cNvPr id="889" name="OTLSHAPE_SLT_940bc3d51d26456abc1a5b5861ce0da9_StartDate" hidden="1">
            <a:extLst>
              <a:ext uri="{FF2B5EF4-FFF2-40B4-BE49-F238E27FC236}">
                <a16:creationId xmlns:a16="http://schemas.microsoft.com/office/drawing/2014/main" id="{702138ED-DC7C-0848-2F1E-8FB027C206CE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0" name="OTLSHAPE_SLT_940bc3d51d26456abc1a5b5861ce0da9_EndDate" hidden="1">
            <a:extLst>
              <a:ext uri="{FF2B5EF4-FFF2-40B4-BE49-F238E27FC236}">
                <a16:creationId xmlns:a16="http://schemas.microsoft.com/office/drawing/2014/main" id="{0B3DA660-4B64-D701-9F11-383B8CC589A6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2" name="OTLSHAPE_SLT_afa9a1fcfac3457e9b5b54bbd160144f_Duration" hidden="1">
            <a:extLst>
              <a:ext uri="{FF2B5EF4-FFF2-40B4-BE49-F238E27FC236}">
                <a16:creationId xmlns:a16="http://schemas.microsoft.com/office/drawing/2014/main" id="{66A66EB0-8024-471D-25A4-60E73C36D483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893" name="OTLSHAPE_SLT_afa9a1fcfac3457e9b5b54bbd160144f_TextPercentage" hidden="1">
            <a:extLst>
              <a:ext uri="{FF2B5EF4-FFF2-40B4-BE49-F238E27FC236}">
                <a16:creationId xmlns:a16="http://schemas.microsoft.com/office/drawing/2014/main" id="{5278980C-4D6F-6842-C751-7A317DBD5CB0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SLT_afa9a1fcfac3457e9b5b54bbd160144f_JoinedDate" hidden="1">
            <a:extLst>
              <a:ext uri="{FF2B5EF4-FFF2-40B4-BE49-F238E27FC236}">
                <a16:creationId xmlns:a16="http://schemas.microsoft.com/office/drawing/2014/main" id="{CD7C0440-91B1-A66F-AF53-813D478F35F8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Dec 31</a:t>
            </a:r>
          </a:p>
        </p:txBody>
      </p:sp>
      <p:sp>
        <p:nvSpPr>
          <p:cNvPr id="895" name="OTLSHAPE_SLT_afa9a1fcfac3457e9b5b54bbd160144f_StartDate" hidden="1">
            <a:extLst>
              <a:ext uri="{FF2B5EF4-FFF2-40B4-BE49-F238E27FC236}">
                <a16:creationId xmlns:a16="http://schemas.microsoft.com/office/drawing/2014/main" id="{B66CF034-C61C-1799-4FFD-E5A1FFDCB648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SLT_afa9a1fcfac3457e9b5b54bbd160144f_EndDate" hidden="1">
            <a:extLst>
              <a:ext uri="{FF2B5EF4-FFF2-40B4-BE49-F238E27FC236}">
                <a16:creationId xmlns:a16="http://schemas.microsoft.com/office/drawing/2014/main" id="{0618D46A-C48C-9450-F750-D679F95E9C1D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203" name="OTLSHAPE_TB_00000000000000000000000000000000_Separator1">
            <a:extLst>
              <a:ext uri="{FF2B5EF4-FFF2-40B4-BE49-F238E27FC236}">
                <a16:creationId xmlns:a16="http://schemas.microsoft.com/office/drawing/2014/main" id="{1568D22E-C804-6CB8-A7B0-7C496693E84A}"/>
              </a:ext>
            </a:extLst>
          </p:cNvPr>
          <p:cNvCxnSpPr/>
          <p:nvPr>
            <p:custDataLst>
              <p:tags r:id="rId271"/>
            </p:custDataLst>
          </p:nvPr>
        </p:nvCxnSpPr>
        <p:spPr>
          <a:xfrm>
            <a:off x="3735973" y="51816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TB_00000000000000000000000000000000_Separator2">
            <a:extLst>
              <a:ext uri="{FF2B5EF4-FFF2-40B4-BE49-F238E27FC236}">
                <a16:creationId xmlns:a16="http://schemas.microsoft.com/office/drawing/2014/main" id="{5E7A1F33-3E90-FD4F-1D31-B547881B0B34}"/>
              </a:ext>
            </a:extLst>
          </p:cNvPr>
          <p:cNvCxnSpPr/>
          <p:nvPr>
            <p:custDataLst>
              <p:tags r:id="rId272"/>
            </p:custDataLst>
          </p:nvPr>
        </p:nvCxnSpPr>
        <p:spPr>
          <a:xfrm>
            <a:off x="6254708" y="51816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TB_00000000000000000000000000000000_Separator3">
            <a:extLst>
              <a:ext uri="{FF2B5EF4-FFF2-40B4-BE49-F238E27FC236}">
                <a16:creationId xmlns:a16="http://schemas.microsoft.com/office/drawing/2014/main" id="{944ADD8D-BD2B-9D27-E84C-CD9B13602C2B}"/>
              </a:ext>
            </a:extLst>
          </p:cNvPr>
          <p:cNvCxnSpPr/>
          <p:nvPr>
            <p:custDataLst>
              <p:tags r:id="rId273"/>
            </p:custDataLst>
          </p:nvPr>
        </p:nvCxnSpPr>
        <p:spPr>
          <a:xfrm>
            <a:off x="8801121" y="51816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1" name="Rectangle: Rounded Corners 640">
            <a:extLst>
              <a:ext uri="{FF2B5EF4-FFF2-40B4-BE49-F238E27FC236}">
                <a16:creationId xmlns:a16="http://schemas.microsoft.com/office/drawing/2014/main" id="{C41A87AB-3B3D-0CBB-E2B5-BD427F04A8E1}"/>
              </a:ext>
            </a:extLst>
          </p:cNvPr>
          <p:cNvSpPr/>
          <p:nvPr/>
        </p:nvSpPr>
        <p:spPr>
          <a:xfrm>
            <a:off x="1272575" y="1848467"/>
            <a:ext cx="2463398" cy="508819"/>
          </a:xfrm>
          <a:prstGeom prst="roundRect">
            <a:avLst/>
          </a:prstGeom>
        </p:spPr>
        <p:style>
          <a:lnRef idx="2">
            <a:schemeClr val="accent6">
              <a:shade val="15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</a:rPr>
              <a:t>COMPLETED</a:t>
            </a:r>
          </a:p>
        </p:txBody>
      </p:sp>
      <p:sp>
        <p:nvSpPr>
          <p:cNvPr id="642" name="Rectangle: Rounded Corners 641">
            <a:extLst>
              <a:ext uri="{FF2B5EF4-FFF2-40B4-BE49-F238E27FC236}">
                <a16:creationId xmlns:a16="http://schemas.microsoft.com/office/drawing/2014/main" id="{D4801F06-BC99-07E8-EE6F-116A09AFC95E}"/>
              </a:ext>
            </a:extLst>
          </p:cNvPr>
          <p:cNvSpPr/>
          <p:nvPr/>
        </p:nvSpPr>
        <p:spPr>
          <a:xfrm>
            <a:off x="3763631" y="1848467"/>
            <a:ext cx="2499623" cy="508819"/>
          </a:xfrm>
          <a:prstGeom prst="roundRect">
            <a:avLst/>
          </a:prstGeom>
        </p:spPr>
        <p:style>
          <a:lnRef idx="2">
            <a:schemeClr val="accent5">
              <a:shade val="15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</a:rPr>
              <a:t>IN PROGRESS</a:t>
            </a:r>
          </a:p>
        </p:txBody>
      </p:sp>
      <p:sp>
        <p:nvSpPr>
          <p:cNvPr id="643" name="Rectangle: Rounded Corners 642">
            <a:extLst>
              <a:ext uri="{FF2B5EF4-FFF2-40B4-BE49-F238E27FC236}">
                <a16:creationId xmlns:a16="http://schemas.microsoft.com/office/drawing/2014/main" id="{8F01D8FA-4ADA-7A6E-EAFB-3751F0D4D246}"/>
              </a:ext>
            </a:extLst>
          </p:cNvPr>
          <p:cNvSpPr/>
          <p:nvPr/>
        </p:nvSpPr>
        <p:spPr>
          <a:xfrm>
            <a:off x="6282367" y="1847717"/>
            <a:ext cx="2527299" cy="508819"/>
          </a:xfrm>
          <a:prstGeom prst="roundRect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</a:rPr>
              <a:t>SOON</a:t>
            </a:r>
          </a:p>
        </p:txBody>
      </p:sp>
      <p:sp>
        <p:nvSpPr>
          <p:cNvPr id="644" name="Rectangle: Rounded Corners 643">
            <a:extLst>
              <a:ext uri="{FF2B5EF4-FFF2-40B4-BE49-F238E27FC236}">
                <a16:creationId xmlns:a16="http://schemas.microsoft.com/office/drawing/2014/main" id="{1081FC54-6B36-E024-316C-CF92B870A7E8}"/>
              </a:ext>
            </a:extLst>
          </p:cNvPr>
          <p:cNvSpPr/>
          <p:nvPr/>
        </p:nvSpPr>
        <p:spPr>
          <a:xfrm>
            <a:off x="8828779" y="1847717"/>
            <a:ext cx="2525019" cy="508819"/>
          </a:xfrm>
          <a:prstGeom prst="roundRect">
            <a:avLst/>
          </a:prstGeom>
        </p:spPr>
        <p:style>
          <a:lnRef idx="2">
            <a:schemeClr val="accent4">
              <a:shade val="15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>
                <a:solidFill>
                  <a:schemeClr val="tx1"/>
                </a:solidFill>
              </a:rPr>
              <a:t>FUTURE</a:t>
            </a:r>
          </a:p>
        </p:txBody>
      </p:sp>
      <p:sp>
        <p:nvSpPr>
          <p:cNvPr id="703" name="TextBox 702">
            <a:extLst>
              <a:ext uri="{FF2B5EF4-FFF2-40B4-BE49-F238E27FC236}">
                <a16:creationId xmlns:a16="http://schemas.microsoft.com/office/drawing/2014/main" id="{B7348366-302E-7338-EC57-78935717BA96}"/>
              </a:ext>
            </a:extLst>
          </p:cNvPr>
          <p:cNvSpPr txBox="1"/>
          <p:nvPr/>
        </p:nvSpPr>
        <p:spPr>
          <a:xfrm>
            <a:off x="1272575" y="540774"/>
            <a:ext cx="691844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>
                <a:latin typeface="Inter ExtraBold" panose="02000503000000020004" pitchFamily="2" charset="0"/>
                <a:ea typeface="Inter ExtraBold" panose="02000503000000020004" pitchFamily="2" charset="0"/>
              </a:rPr>
              <a:t>Kanban timeline template</a:t>
            </a:r>
          </a:p>
        </p:txBody>
      </p:sp>
      <p:pic>
        <p:nvPicPr>
          <p:cNvPr id="705" name="Picture 704" descr="A black background with a black screen&#10;&#10;Description automatically generated">
            <a:extLst>
              <a:ext uri="{FF2B5EF4-FFF2-40B4-BE49-F238E27FC236}">
                <a16:creationId xmlns:a16="http://schemas.microsoft.com/office/drawing/2014/main" id="{0ADA4161-CEBA-649C-8BBA-488D89420FF5}"/>
              </a:ext>
            </a:extLst>
          </p:cNvPr>
          <p:cNvPicPr>
            <a:picLocks noChangeAspect="1"/>
          </p:cNvPicPr>
          <p:nvPr/>
        </p:nvPicPr>
        <p:blipFill>
          <a:blip r:embed="rId27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28116" y="4169985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193073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0LTAxVDIzOjU5OjAwWiIsIkVuZERhdGUiOiIyMDIzLTA2LTMwVDIzOjU5OjAwWiIsIlBlcmNlbnRhZ2VDb21wbGV0ZSI6bnVsbCwiU3R5bGUiOnsiJGlkIjoiNyIsIlNoYXBlIjox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OTEsIkciOjE1NSwiQiI6MjEzfX0sIklzVmlzaWJsZSI6dHJ1ZSwiV2lkdGgiOjAuMCwiSGVpZ2h0IjoxNi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3IiwiTGluZUNvbG9yIjpudWxsLCJMaW5lV2VpZ2h0IjowLjAsIkxpbmVUeXBlIjowLCJQYXJlbnRTdHlsZSI6bnVsbH0sIlBhcmVudFN0eWxlIjpudWxsfSwiRHVyYXRpb25TdHlsZSI6eyIkaWQiOiI2OCIsIkZvbnRTZXR0aW5ncyI6eyIkaWQiOiI2O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AiLCJMaW5lQ29sb3IiOm51bGwsIkxpbmVXZWlnaHQiOjAuMCwiTGluZVR5cGUiOjAsIlBhcmVudFN0eWxlIjpudWxsfSwiUGFyZW50U3R5bGUiOm51bGx9LCJIb3Jpem9udGFsQ29ubmVjdG9yU3R5bGUiOnsiJGlkIjoiNzEiLCJMaW5lQ29sb3IiOnsiJHJlZiI6IjI3In0sIkxpbmVXZWlnaHQiOjEuMCwiTGluZVR5cGUiOjAsIlBhcmVudFN0eWxlIjpudWxsfSwiVmVydGljYWxDb25uZWN0b3JTdHlsZSI6eyIkaWQiOiI3M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RGF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OTkiLCJMaW5lQ29sb3IiOm51bGwsIkxpbmVXZWlnaHQiOjAuMCwiTGluZVR5cGUiOjAsIlBhcmVudFN0eWxlIjpudWxsfSwiUGFyZW50U3R5bGUiOm51bGx9LCJEdXJhdGlvblN0eWxlIjp7IiRpZCI6IjEwMCIsIkZvbnRTZXR0aW5ncyI6eyIkaWQiOiIxMD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MiIsIkxpbmVDb2xvciI6bnVsbCwiTGluZVdlaWdodCI6MC4wLCJMaW5lVHlwZSI6MCwiUGFyZW50U3R5bGUiOm51bGx9LCJQYXJlbnRTdHlsZSI6bnVsbH0sIkhvcml6b250YWxDb25uZWN0b3JTdHlsZSI6eyIkaWQiOiIxMDMiLCJMaW5lQ29sb3IiOnsiJHJlZiI6IjI3In0sIkxpbmVXZWlnaHQiOjEuMCwiTGluZVR5cGUiOjAsIlBhcmVudFN0eWxlIjpudWxsfSwiVmVydGljYWxDb25uZWN0b3JTdHlsZSI6eyIkaWQiOiIxMDQ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VN0eWxlIjp7IiRpZCI6IjExNiIsIkZvbnRTZXR0aW5ncyI6eyIkaWQiOiIxMTciLCJGb250U2l6ZSI6MTAsIkZvbnROYW1lIjoiQ2FsaWJyaSIsIklzQm9sZCI6ZmFsc2UsIklzSXRhbGljIjpmYWxzZSwiSXNVbmRlcmxpbmVkIjpmYWxzZSwiUGFyZW50U3R5bGUiOm51bGx9LCJBdXRvU2l6ZSI6MCwiRm9yZWdyb3VuZCI6eyIkaWQiOiIxMTgiLCJDb2xvciI6eyIkaWQiOiIx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zMSIsIkxpbmVDb2xvciI6bnVsbCwiTGluZVdlaWdodCI6MC4wLCJMaW5lVHlwZSI6MCwiUGFyZW50U3R5bGUiOm51bGx9LCJQYXJlbnRTdHlsZSI6bnVsbH0sIkR1cmF0aW9uU3R5bGUiOnsiJGlkIjoiMTMyIiwiRm9udFNldHRpbmdzIjp7IiRpZCI6IjEzM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M0IiwiTGluZUNvbG9yIjpudWxsLCJMaW5lV2VpZ2h0IjowLjAsIkxpbmVUeXBlIjowLCJQYXJlbnRTdHlsZSI6bnVsbH0sIlBhcmVudFN0eWxlIjpudWxsfSwiSG9yaXpvbnRhbENvbm5lY3RvclN0eWxlIjp7IiRpZCI6IjEzNSIsIkxpbmVDb2xvciI6eyIkcmVmIjoiMjcifSwiTGluZVdlaWdodCI6MS4wLCJMaW5lVHlwZSI6MCwiUGFyZW50U3R5bGUiOm51bGx9LCJWZXJ0aWNhbENvbm5lY3RvclN0eWxlIjp7IiRpZCI6IjEzN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xNDUiLCJDb2xvciI6eyIkaWQiOiIxNDYiLCJBIjowLCJSIjoyNTUsIkciOjI1NSwiQiI6MjU1fX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NjQiLCJMaW5lQ29sb3IiOm51bGwsIkxpbmVXZWlnaHQiOjAuMCwiTGluZVR5cGUiOjAsIlBhcmVudFN0eWxlIjpudWxsfSwiUGFyZW50U3R5bGUiOm51bGx9LCJEdXJhdGlvblN0eWxlIjp7IiRpZCI6IjE2NSIsIkZvbnRTZXR0aW5ncyI6eyIkaWQiOiIxNjY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2NyIsIkxpbmVDb2xvciI6bnVsbCwiTGluZVdlaWdodCI6MC4wLCJMaW5lVHlwZSI6MCwiUGFyZW50U3R5bGUiOm51bGx9LCJQYXJlbnRTdHlsZSI6bnVsbH0sIkhvcml6b250YWxDb25uZWN0b3JTdHlsZSI6eyIkaWQiOiIxNjgiLCJMaW5lQ29sb3IiOnsiJHJlZiI6IjI3In0sIkxpbmVXZWlnaHQiOjEuMCwiTGluZVR5cGUiOjAsIlBhcmVudFN0eWxlIjpudWxsfSwiVmVydGljYWxDb25uZWN0b3JTdHlsZSI6eyIkaWQiOiIxNj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c4IiwiQ29sb3IiOnsiJGlkIjoiMTc5IiwiQSI6MCwiUiI6MjU1LCJHIjoyNTUsIkIiOjI1NX19LCJJc1Zpc2libGUiOnRydWUsIldpZHRoIjowLjAsIkhlaWdodCI6MC4wLCJCb3JkZXJTdHlsZSI6eyIkaWQiOiIxODAiLCJMaW5lQ29sb3IiOm51bGwsIkxpbmVXZWlnaHQiOjAuMCwiTGluZVR5cGUiOjAsIlBhcmVudFN0eWxlIjpudWxsfS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OTYiLCJMaW5lQ29sb3IiOm51bGwsIkxpbmVXZWlnaHQiOjAuMCwiTGluZVR5cGUiOjAsIlBhcmVudFN0eWxlIjpudWxsfSwiUGFyZW50U3R5bGUiOm51bGx9LCJEdXJhdGlvblN0eWxlIjp7IiRpZCI6IjE5NyIsIkZvbnRTZXR0aW5ncyI6eyIkaWQiOiIxOTg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HJlZiI6IjI3In0sIkxpbmVXZWlnaHQiOjEuMCwiTGluZVR5cGUiOjAsIlBhcmVudFN0eWxlIjpudWxsfSwiVmVydGljYWxDb25uZWN0b3JTdHlsZSI6eyIkaWQiOiIyMDE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I0IiwiTGluZUNvbG9yIjpudWxsLCJMaW5lV2VpZ2h0IjowLjAsIkxpbmVUeXBlIjowLCJQYXJlbnRTdHlsZSI6bnVsbH0sIlBhcmVudFN0eWxlIjpudWxsfSwiRHVyYXRpb25TdHlsZSI6eyIkaWQiOiIyMjUiLCJGb250U2V0dGluZ3MiOnsiJGlkIjoiMjI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jciLCJMaW5lQ29sb3IiOm51bGwsIkxpbmVXZWlnaHQiOjAuMCwiTGluZVR5cGUiOjAsIlBhcmVudFN0eWxlIjpudWxsfSwiUGFyZW50U3R5bGUiOm51bGx9LCJIb3Jpem9udGFsQ29ubmVjdG9yU3R5bGUiOnsiJGlkIjoiMjI4IiwiTGluZUNvbG9yIjp7IiRyZWYiOiIyNyJ9LCJMaW5lV2VpZ2h0IjoxLjAsIkxpbmVUeXBlIjowLCJQYXJlbnRTdHlsZSI6bnVsbH0sIlZlcnRpY2FsQ29ubmVjdG9yU3R5bGUiOnsiJGlkIjoiMjI5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yMzgiLCJDb2xvciI6eyIkaWQiOiIyMzkiLCJBIjowLCJSIjoyNTUsIkciOjI1NSwiQiI6MjU1fX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I1MiIsIkxpbmVDb2xvciI6bnVsbCwiTGluZVdlaWdodCI6MC4wLCJMaW5lVHlwZSI6MCwiUGFyZW50U3R5bGUiOm51bGx9LCJQYXJlbnRTdHlsZSI6bnVsbH0sIkR1cmF0aW9uU3R5bGUiOnsiJGlkIjoiMjUzIiwiRm9udFNldHRpbmdzIjp7IiRpZCI6IjI1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U1IiwiTGluZUNvbG9yIjpudWxsLCJMaW5lV2VpZ2h0IjowLjAsIkxpbmVUeXBlIjowLCJQYXJlbnRTdHlsZSI6bnVsbH0sIlBhcmVudFN0eWxlIjpudWxsfSwiSG9yaXpvbnRhbENvbm5lY3RvclN0eWxlIjp7IiRpZCI6IjI1NiIsIkxpbmVDb2xvciI6eyIkcmVmIjoiMjcifSwiTGluZVdlaWdodCI6MS4wLCJMaW5lVHlwZSI6MCwiUGFyZW50U3R5bGUiOm51bGx9LCJWZXJ0aWNhbENvbm5lY3RvclN0eWxlIjp7IiRpZCI6IjI1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jY2IiwiQ29sb3IiOnsiJGlkIjoiMjY3IiwiQSI6MCwiUiI6MjU1LCJHIjoyNTUsIkIiOjI1NX1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yODEiLCJMaW5lQ29sb3IiOm51bGwsIkxpbmVXZWlnaHQiOjAuMCwiTGluZVR5cGUiOjAsIlBhcmVudFN0eWxlIjpudWxsfSwiUGFyZW50U3R5bGUiOm51bGx9LCJEdXJhdGlvblN0eWxlIjp7IiRpZCI6IjI4MiIsIkZvbnRTZXR0aW5ncyI6eyIkaWQiOiIyOD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4NCIsIkxpbmVDb2xvciI6bnVsbCwiTGluZVdlaWdodCI6MC4wLCJMaW5lVHlwZSI6MCwiUGFyZW50U3R5bGUiOm51bGx9LCJQYXJlbnRTdHlsZSI6bnVsbH0sIkhvcml6b250YWxDb25uZWN0b3JTdHlsZSI6eyIkaWQiOiIyODUiLCJMaW5lQ29sb3IiOnsiJHJlZiI6IjI3In0sIkxpbmVXZWlnaHQiOjEuMCwiTGluZVR5cGUiOjAsIlBhcmVudFN0eWxlIjpudWxsfSwiVmVydGljYWxDb25uZWN0b3JTdHlsZSI6eyIkaWQiOiIyOD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Y5IiwiTGluZUNvbG9yIjpudWxsLCJMaW5lV2VpZ2h0IjowLjAsIkxpbmVUeXBlIjowLCJQYXJlbnRTdHlsZSI6bnVsbH0sIlBhcmVudFN0eWxlIjpudWxsfSwiRHVyYXRpb25TdHlsZSI6eyIkaWQiOiIzNzAiLCJGb250U2V0dGluZ3MiOnsiJGlkIjoiMzc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NzIiLCJMaW5lQ29sb3IiOm51bGwsIkxpbmVXZWlnaHQiOjAuMCwiTGluZVR5cGUiOjAsIlBhcmVudFN0eWxlIjpudWxsfSwiUGFyZW50U3R5bGUiOm51bGx9LCJIb3Jpem9udGFsQ29ubmVjdG9yU3R5bGUiOnsiJGlkIjoiMzczIiwiTGluZUNvbG9yIjp7IiRyZWYiOiIyNyJ9LCJMaW5lV2VpZ2h0IjoxLjAsIkxpbmVUeXBlIjowLCJQYXJlbnRTdHlsZSI6bnVsbH0sIlZlcnRpY2FsQ29ubmVjdG9yU3R5bGUiOnsiJGlkIjoiMzc0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DAiLCJMaW5lQ29sb3IiOm51bGwsIkxpbmVXZWlnaHQiOjAuMCwiTGluZVR5cGUiOjAsIlBhcmVudFN0eWxlIjpudWxsfSwiUGFyZW50U3R5bGUiOm51bGx9LCJIb3Jpem9udGFsQ29ubmVjdG9yU3R5bGUiOnsiJGlkIjoiNDAxIiwiTGluZUNvbG9yIjp7IiRyZWYiOiIyNyJ9LCJMaW5lV2VpZ2h0IjoxLjAsIkxpbmVUeXBlIjowLCJQYXJlbnRTdHlsZSI6bnVsbH0sIlZlcnRpY2FsQ29ubmVjdG9yU3R5bGUiOnsiJGlkIjoiNDAy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0MTEiLCJDb2xvciI6eyIkaWQiOiI0MTIiLCJBIjowLCJSIjoyNTUsIkciOjI1NSwiQiI6MjU1fX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yNSIsIkxpbmVDb2xvciI6bnVsbCwiTGluZVdlaWdodCI6MC4wLCJMaW5lVHlwZSI6MCwiUGFyZW50U3R5bGUiOm51bGx9LCJQYXJlbnRTdHlsZSI6bnVsbH0sIkR1cmF0aW9uU3R5bGUiOnsiJGlkIjoiNDI2IiwiRm9udFNldHRpbmdzIjp7IiRpZCI6IjQy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I4IiwiTGluZUNvbG9yIjpudWxsLCJMaW5lV2VpZ2h0IjowLjAsIkxpbmVUeXBlIjowLCJQYXJlbnRTdHlsZSI6bnVsbH0sIlBhcmVudFN0eWxlIjpudWxsfSwiSG9yaXpvbnRhbENvbm5lY3RvclN0eWxlIjp7IiRpZCI6IjQyOSIsIkxpbmVDb2xvciI6eyIkcmVmIjoiMjcifSwiTGluZVdlaWdodCI6MS4wLCJMaW5lVHlwZSI6MCwiUGFyZW50U3R5bGUiOm51bGx9LCJWZXJ0aWNhbENvbm5lY3RvclN0eWxlIjp7IiRpZCI6IjQz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DM5IiwiQ29sb3IiOnsiJGlkIjoiNDQwIiwiQSI6MCwiUiI6MjU1LCJHIjoyNTUsIkIiOjI1NX19LCJJc1Zpc2libGUiOnRydWUsIldpZHRoIjowLjAsIkhlaWdodCI6MC4wLCJCb3JkZXJTdHlsZSI6eyIkaWQiOiI0NDEiLCJMaW5lQ29sb3IiOm51bGwsIkxpbmVXZWlnaHQiOjAuMCwiTGluZVR5cGUiOjAsIlBhcmVudFN0eWxlIjpudWxsfSwiUGFyZW50U3R5bGUiOm51bGx9LCJEYXRlU3R5bGUiOnsiJGlkIjoiNDQyIiwiRm9udFNldHRpbmdzIjp7IiRpZCI6IjQ0My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UzIiwiTGluZUNvbG9yIjpudWxsLCJMaW5lV2VpZ2h0IjowLjAsIkxpbmVUeXBlIjowLCJQYXJlbnRTdHlsZSI6bnVsbH0sIlBhcmVudFN0eWxlIjpudWxsfSwiRHVyYXRpb25TdHlsZSI6eyIkaWQiOiI0NTQiLCJGb250U2V0dGluZ3MiOnsiJGlkIjoiNDU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yZWYiOiIyNyJ9LCJMaW5lV2VpZ2h0IjoxLjAsIkxpbmVUeXBlIjowLCJQYXJlbnRTdHlsZSI6bnVsbH0sIlZlcnRpY2FsQ29ubmVjdG9yU3R5bGUiOnsiJGlkIjoiNDU4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Q4MiIsIkxpbmVDb2xvciI6bnVsbCwiTGluZVdlaWdodCI6MC4wLCJMaW5lVHlwZSI6MCwiUGFyZW50U3R5bGUiOm51bGx9LCJQYXJlbnRTdHlsZSI6bnVsbH0sIkR1cmF0aW9uU3R5bGUiOnsiJGlkIjoiNDgzIiwiRm9udFNldHRpbmdzIjp7IiRpZCI6IjQ4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g1IiwiTGluZUNvbG9yIjpudWxsLCJMaW5lV2VpZ2h0IjowLjAsIkxpbmVUeXBlIjowLCJQYXJlbnRTdHlsZSI6bnVsbH0sIlBhcmVudFN0eWxlIjpudWxsfSwiSG9yaXpvbnRhbENvbm5lY3RvclN0eWxlIjp7IiRpZCI6IjQ4NiIsIkxpbmVDb2xvciI6eyIkcmVmIjoiMjcifSwiTGluZVdlaWdodCI6MS4wLCJMaW5lVHlwZSI6MCwiUGFyZW50U3R5bGUiOm51bGx9LCJWZXJ0aWNhbENvbm5lY3RvclN0eWxlIjp7IiRpZCI6IjQ4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U3R5bGUiOnsiJGlkIjoiNDk5IiwiRm9udFNldHRpbmdzIjp7IiRpZCI6IjUwMC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UxMCIsIkxpbmVDb2xvciI6bnVsbCwiTGluZVdlaWdodCI6MC4wLCJMaW5lVHlwZSI6MCwiUGFyZW50U3R5bGUiOm51bGx9LCJQYXJlbnRTdHlsZSI6bnVsbH0sIkR1cmF0aW9uU3R5bGUiOnsiJGlkIjoiNTExIiwiRm9udFNldHRpbmdzIjp7IiRpZCI6IjUx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TEzIiwiTGluZUNvbG9yIjpudWxsLCJMaW5lV2VpZ2h0IjowLjAsIkxpbmVUeXBlIjowLCJQYXJlbnRTdHlsZSI6bnVsbH0sIlBhcmVudFN0eWxlIjpudWxsfSwiSG9yaXpvbnRhbENvbm5lY3RvclN0eWxlIjp7IiRpZCI6IjUxNCIsIkxpbmVDb2xvciI6eyIkcmVmIjoiMjcifSwiTGluZVdlaWdodCI6MS4wLCJMaW5lVHlwZSI6MCwiUGFyZW50U3R5bGUiOm51bGx9LCJWZXJ0aWNhbENvbm5lY3RvclN0eWxlIjp7IiRpZCI6IjUxN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1MjQiLCJDb2xvciI6eyIkaWQiOiI1MjUiLCJBIjowLCJSIjoyNTUsIkciOjI1NSwiQiI6MjU1fX0sIklzVmlzaWJsZSI6dHJ1ZSwiV2lkdGgiOjAuMCwiSGVpZ2h0IjowLjAsIkJvcmRlclN0eWxlIjp7IiRpZCI6IjUyNiIsIkxpbmVDb2xvciI6bnVsbCwiTGluZVdlaWdodCI6MC4wLCJMaW5lVHlwZSI6MCwiUGFyZW50U3R5bGUiOm51bGx9LCJQYXJlbnRTdHlsZSI6bnVsbH0sIkRhdGVTdHlsZSI6eyIkaWQiOiI1MjciLCJGb250U2V0dGluZ3MiOnsiJGlkIjoiNTI4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bnVsbCwiUGFyZW50U3R5bGUiOm51bGx9LCJSZWN0YW5nbGV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2My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wMiIsIkxpbmVDb2xvciI6bnVsbCwiTGluZVdlaWdodCI6MC4wLCJMaW5lVHlwZSI6MCwiUGFyZW50U3R5bGUiOm51bGx9LCJQYXJlbnRTdHlsZSI6bnVsbH0sIkR1cmF0aW9uU3R5bGUiOnsiJGlkIjoiNjAzIiwiRm9udFNldHRpbmdzIjp7IiRpZCI6IjYw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jA1IiwiTGluZUNvbG9yIjpudWxsLCJMaW5lV2VpZ2h0IjowLjAsIkxpbmVUeXBlIjowLCJQYXJlbnRTdHlsZSI6bnVsbH0sIlBhcmVudFN0eWxlIjpudWxsfSwiSG9yaXpvbnRhbENvbm5lY3RvclN0eWxlIjp7IiRpZCI6IjYwNiIsIkxpbmVDb2xvciI6eyIkcmVmIjoiMjcifSwiTGluZVdlaWdodCI6MS4wLCJMaW5lVHlwZSI6MCwiUGFyZW50U3R5bGUiOm51bGx9LCJWZXJ0aWNhbENvbm5lY3RvclN0eWxlIjp7IiRpZCI6IjYw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jE2IiwiQ29sb3IiOnsiJGlkIjoiNjE3IiwiQSI6MCwiUiI6MjU1LCJHIjoyNTUsIkIiOjI1NX19LCJJc1Zpc2libGUiOnRydWUsIldpZHRoIjowLjAsIkhlaWdodCI6MC4wLCJCb3JkZXJTdHlsZSI6eyIkaWQiOiI2MTgiLCJMaW5lQ29sb3IiOm51bGwsIkxpbmVXZWlnaHQiOjAuMCwiTGluZVR5cGUiOjAsIlBhcmVudFN0eWxlIjpudWxsfSwiUGFyZW50U3R5bGUiOm51bGx9LCJEYXRlU3R5bGUiOnsiJGlkIjoiNjE5IiwiRm9udFNldHRpbmdzIjp7IiRpZCI6IjYyMC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zMCIsIkxpbmVDb2xvciI6bnVsbCwiTGluZVdlaWdodCI6MC4wLCJMaW5lVHlwZSI6MCwiUGFyZW50U3R5bGUiOm51bGx9LCJQYXJlbnRTdHlsZSI6bnVsbH0sIkR1cmF0aW9uU3R5bGUiOnsiJGlkIjoiNjMxIiwiRm9udFNldHRpbmdzIjp7IiRpZCI6IjYz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jMzIiwiTGluZUNvbG9yIjpudWxsLCJMaW5lV2VpZ2h0IjowLjAsIkxpbmVUeXBlIjowLCJQYXJlbnRTdHlsZSI6bnVsbH0sIlBhcmVudFN0eWxlIjpudWxsfSwiSG9yaXpvbnRhbENvbm5lY3RvclN0eWxlIjp7IiRpZCI6IjYzNCIsIkxpbmVDb2xvciI6eyIkcmVmIjoiMjcifSwiTGluZVdlaWdodCI6MS4wLCJMaW5lVHlwZSI6MCwiUGFyZW50U3R5bGUiOm51bGx9LCJWZXJ0aWNhbENvbm5lY3RvclN0eWxlIjp7IiRpZCI6IjYzN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jQ0IiwiQ29sb3IiOnsiJGlkIjoiNjQ1IiwiQSI6MCwiUiI6MjU1LCJHIjoyNTUsIkIiOjI1NX1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U4IiwiTGluZUNvbG9yIjpudWxsLCJMaW5lV2VpZ2h0IjowLjAsIkxpbmVUeXBlIjowLCJQYXJlbnRTdHlsZSI6bnVsbH0sIlBhcmVudFN0eWxlIjpudWxsfSwiRHVyYXRpb25TdHlsZSI6eyIkaWQiOiI2NTkiLCJGb250U2V0dGluZ3MiOnsiJGlkIjoiNjY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NjEiLCJMaW5lQ29sb3IiOm51bGwsIkxpbmVXZWlnaHQiOjAuMCwiTGluZVR5cGUiOjAsIlBhcmVudFN0eWxlIjpudWxsfSwiUGFyZW50U3R5bGUiOm51bGx9LCJIb3Jpem9udGFsQ29ubmVjdG9yU3R5bGUiOnsiJGlkIjoiNjYyIiwiTGluZUNvbG9yIjp7IiRyZWYiOiIyNyJ9LCJMaW5lV2VpZ2h0IjoxLjAsIkxpbmVUeXBlIjowLCJQYXJlbnRTdHlsZSI6bnVsbH0sIlZlcnRpY2FsQ29ubmVjdG9yU3R5bGUiOnsiJGlkIjoiNjY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2NzIiLCJDb2xvciI6eyIkaWQiOiI2NzMiLCJBIjowLCJSIjoyNTUsIkciOjI1NSwiQiI6MjU1fX0sIklzVmlzaWJsZSI6dHJ1ZSwiV2lkdGgiOjAuMCwiSGVpZ2h0IjowLjAsIkJvcmRlclN0eWxlIjp7IiRpZCI6IjY3NCIsIkxpbmVDb2xvciI6bnVsbCwiTGluZVdlaWdodCI6MC4wLCJMaW5lVHlwZSI6MCwiUGFyZW50U3R5bGUiOm51bGx9LCJQYXJlbnRTdHlsZSI6bnVsbH0sIkRhdGVTdHlsZSI6eyIkaWQiOiI2NzUiLCJGb250U2V0dGluZ3MiOnsiJGlkIjoiNjc2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Y4NiIsIkxpbmVDb2xvciI6bnVsbCwiTGluZVdlaWdodCI6MC4wLCJMaW5lVHlwZSI6MCwiUGFyZW50U3R5bGUiOm51bGx9LCJQYXJlbnRTdHlsZSI6bnVsbH0sIkR1cmF0aW9uU3R5bGUiOnsiJGlkIjoiNjg3IiwiRm9udFNldHRpbmdzIjp7IiRpZCI6IjY4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jg5IiwiTGluZUNvbG9yIjpudWxsLCJMaW5lV2VpZ2h0IjowLjAsIkxpbmVUeXBlIjowLCJQYXJlbnRTdHlsZSI6bnVsbH0sIlBhcmVudFN0eWxlIjpudWxsfSwiSG9yaXpvbnRhbENvbm5lY3RvclN0eWxlIjp7IiRpZCI6IjY5MCIsIkxpbmVDb2xvciI6eyIkcmVmIjoiMjcifSwiTGluZVdlaWdodCI6MS4wLCJMaW5lVHlwZSI6MCwiUGFyZW50U3R5bGUiOm51bGx9LCJWZXJ0aWNhbENvbm5lY3RvclN0eWxlIjp7IiRpZCI6IjY5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3MDAiLCJDb2xvciI6eyIkaWQiOiI3MDEiLCJBIjowLCJSIjoyNTUsIkciOjI1NSwiQiI6MjU1fX0sIklzVmlzaWJsZSI6dHJ1ZSwiV2lkdGgiOjAuMCwiSGVpZ2h0IjowLjAsIkJvcmRlclN0eWxlIjp7IiRpZCI6IjcwMiIsIkxpbmVDb2xvciI6bnVsbCwiTGluZVdlaWdodCI6MC4wLCJMaW5lVHlwZSI6MCwiUGFyZW50U3R5bGUiOm51bGx9LCJQYXJlbnRTdHlsZSI6bnVsbH0sIkRhdGVTdHlsZSI6eyIkaWQiOiI3MDMiLCJGb250U2V0dGluZ3MiOnsiJGlkIjoiNzA0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cxNSIsIkxpbmVDb2xvciI6bnVsbCwiTGluZVdlaWdodCI6MC4wLCJMaW5lVHlwZSI6MCwiUGFyZW50U3R5bGUiOm51bGx9LCJQYXJlbnRTdHlsZSI6bnVsbH0sIkR1cmF0aW9uU3R5bGUiOnsiJGlkIjoiNzE2IiwiRm9udFNldHRpbmdzIjp7IiRpZCI6Ijcx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E4IiwiTGluZUNvbG9yIjpudWxsLCJMaW5lV2VpZ2h0IjowLjAsIkxpbmVUeXBlIjowLCJQYXJlbnRTdHlsZSI6bnVsbH0sIlBhcmVudFN0eWxlIjpudWxsfSwiSG9yaXpvbnRhbENvbm5lY3RvclN0eWxlIjp7IiRpZCI6IjcxOSIsIkxpbmVDb2xvciI6eyIkcmVmIjoiMjcifSwiTGluZVdlaWdodCI6MS4wLCJMaW5lVHlwZSI6MCwiUGFyZW50U3R5bGUiOm51bGx9LCJWZXJ0aWNhbENvbm5lY3RvclN0eWxlIjp7IiRpZCI6Ijcy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zI5IiwiQ29sb3IiOnsiJGlkIjoiNzMwIiwiQSI6MCwiUiI6MjU1LCJHIjoyNTUsIkIiOjI1NX19LCJJc1Zpc2libGUiOnRydWUsIldpZHRoIjowLjAsIkhlaWdodCI6MC4wLCJCb3JkZXJTdHlsZSI6eyIkaWQiOiI3MzEiLCJMaW5lQ29sb3IiOm51bGwsIkxpbmVXZWlnaHQiOjAuMCwiTGluZVR5cGUiOjAsIlBhcmVudFN0eWxlIjpudWxsfSwiUGFyZW50U3R5bGUiOm51bGx9LCJEYXRlU3R5bGUiOnsiJGlkIjoiNzMyIiwiRm9udFNldHRpbmdzIjp7IiRpZCI6IjczMy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c0MyIsIkxpbmVDb2xvciI6bnVsbCwiTGluZVdlaWdodCI6MC4wLCJMaW5lVHlwZSI6MCwiUGFyZW50U3R5bGUiOm51bGx9LCJQYXJlbnRTdHlsZSI6bnVsbH0sIkR1cmF0aW9uU3R5bGUiOnsiJGlkIjoiNzQ0IiwiRm9udFNldHRpbmdzIjp7IiRpZCI6Ijc0N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Q2IiwiTGluZUNvbG9yIjpudWxsLCJMaW5lV2VpZ2h0IjowLjAsIkxpbmVUeXBlIjowLCJQYXJlbnRTdHlsZSI6bnVsbH0sIlBhcmVudFN0eWxlIjpudWxsfSwiSG9yaXpvbnRhbENvbm5lY3RvclN0eWxlIjp7IiRpZCI6Ijc0NyIsIkxpbmVDb2xvciI6eyIkcmVmIjoiMjcifSwiTGluZVdlaWdodCI6MS4wLCJMaW5lVHlwZSI6MCwiUGFyZW50U3R5bGUiOm51bGx9LCJWZXJ0aWNhbENvbm5lY3RvclN0eWxlIjp7IiRpZCI6Ijc0O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zU3IiwiQ29sb3IiOnsiJGlkIjoiNzU4IiwiQSI6MCwiUiI6MjU1LCJHIjoyNTUsIkIiOjI1NX19LCJJc1Zpc2libGUiOnRydWUsIldpZHRoIjowLjAsIkhlaWdodCI6MC4wLCJCb3JkZXJTdHlsZSI6eyIkaWQiOiI3NTkiLCJMaW5lQ29sb3IiOm51bGwsIkxpbmVXZWlnaHQiOjAuMCwiTGluZVR5cGUiOjAsIlBhcmVudFN0eWxlIjpudWxsfSwiUGFyZW50U3R5bGUiOm51bGx9LCJEYXRlU3R5bGUiOnsiJGlkIjoiNzYwIiwiRm9udFNldHRpbmdzIjp7IiRpZCI6Ijc2MS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zcxIiwiTGluZUNvbG9yIjpudWxsLCJMaW5lV2VpZ2h0IjowLjAsIkxpbmVUeXBlIjowLCJQYXJlbnRTdHlsZSI6bnVsbH0sIlBhcmVudFN0eWxlIjpudWxsfSwiRHVyYXRpb25TdHlsZSI6eyIkaWQiOiI3NzIiLCJGb250U2V0dGluZ3MiOnsiJGlkIjoiNzc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NzQiLCJMaW5lQ29sb3IiOm51bGwsIkxpbmVXZWlnaHQiOjAuMCwiTGluZVR5cGUiOjAsIlBhcmVudFN0eWxlIjpudWxsfSwiUGFyZW50U3R5bGUiOm51bGx9LCJIb3Jpem9udGFsQ29ubmVjdG9yU3R5bGUiOnsiJGlkIjoiNzc1IiwiTGluZUNvbG9yIjp7IiRyZWYiOiIyNyJ9LCJMaW5lV2VpZ2h0IjoxLjAsIkxpbmVUeXBlIjowLCJQYXJlbnRTdHlsZSI6bnVsbH0sIlZlcnRpY2FsQ29ubmVjdG9yU3R5bGUiOnsiJGlkIjoiNzc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3ODUiLCJDb2xvciI6eyIkaWQiOiI3ODYiLCJBIjowLCJSIjoyNTUsIkciOjI1NSwiQiI6MjU1fX0sIklzVmlzaWJsZSI6dHJ1ZSwiV2lkdGgiOjAuMCwiSGVpZ2h0IjowLjAsIkJvcmRlclN0eWxlIjp7IiRpZCI6Ijc4NyIsIkxpbmVDb2xvciI6bnVsbCwiTGluZVdlaWdodCI6MC4wLCJMaW5lVHlwZSI6MCwiUGFyZW50U3R5bGUiOm51bGx9LCJQYXJlbnRTdHlsZSI6bnVsbH0sIkRhdGVTdHlsZSI6eyIkaWQiOiI3ODgiLCJGb250U2V0dGluZ3MiOnsiJGlkIjoiNzg5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3OTkiLCJMaW5lQ29sb3IiOm51bGwsIkxpbmVXZWlnaHQiOjAuMCwiTGluZVR5cGUiOjAsIlBhcmVudFN0eWxlIjpudWxsfSwiUGFyZW50U3R5bGUiOm51bGx9LCJEdXJhdGlvblN0eWxlIjp7IiRpZCI6IjgwMCIsIkZvbnRTZXR0aW5ncyI6eyIkaWQiOiI4MD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gwMiIsIkxpbmVDb2xvciI6bnVsbCwiTGluZVdlaWdodCI6MC4wLCJMaW5lVHlwZSI6MCwiUGFyZW50U3R5bGUiOm51bGx9LCJQYXJlbnRTdHlsZSI6bnVsbH0sIkhvcml6b250YWxDb25uZWN0b3JTdHlsZSI6eyIkaWQiOiI4MDMiLCJMaW5lQ29sb3IiOnsiJHJlZiI6IjI3In0sIkxpbmVXZWlnaHQiOjEuMCwiTGluZVR5cGUiOjAsIlBhcmVudFN0eWxlIjpudWxsfSwiVmVydGljYWxDb25uZWN0b3JTdHlsZSI6eyIkaWQiOiI4MDQ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ODEzIiwiQ29sb3IiOnsiJGlkIjoiODE0IiwiQSI6MCwiUiI6MjU1LCJHIjoyNTUsIkIiOjI1NX19LCJJc1Zpc2libGUiOnRydWUsIldpZHRoIjowLjAsIkhlaWdodCI6MC4wLCJCb3JkZXJTdHlsZSI6eyIkaWQiOiI4MTUiLCJMaW5lQ29sb3IiOm51bGwsIkxpbmVXZWlnaHQiOjAuMCwiTGluZVR5cGUiOjAsIlBhcmVudFN0eWxlIjpudWxsfSwiUGFyZW50U3R5bGUiOm51bGx9LCJEYXRlU3R5bGUiOnsiJGlkIjoiODE2IiwiRm9udFNldHRpbmdzIjp7IiRpZCI6IjgxNy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ODkxIiwiTGluZUNvbG9yIjpudWxsLCJMaW5lV2VpZ2h0IjowLjAsIkxpbmVUeXBlIjowLCJQYXJlbnRTdHlsZSI6bnVsbH0sIlBhcmVudFN0eWxlIjpudWxsfSwiRHVyYXRpb25TdHlsZSI6eyIkaWQiOiI4OTIiLCJGb250U2V0dGluZ3MiOnsiJGlkIjoiODk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4OTQiLCJMaW5lQ29sb3IiOm51bGwsIkxpbmVXZWlnaHQiOjAuMCwiTGluZVR5cGUiOjAsIlBhcmVudFN0eWxlIjpudWxsfSwiUGFyZW50U3R5bGUiOm51bGx9LCJIb3Jpem9udGFsQ29ubmVjdG9yU3R5bGUiOnsiJGlkIjoiODk1IiwiTGluZUNvbG9yIjp7IiRyZWYiOiIyNyJ9LCJMaW5lV2VpZ2h0IjoxLjAsIkxpbmVUeXBlIjowLCJQYXJlbnRTdHlsZSI6bnVsbH0sIlZlcnRpY2FsQ29ubmVjdG9yU3R5bGUiOnsiJGlkIjoiODk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5MDUiLCJDb2xvciI6eyIkaWQiOiI5MDYiLCJBIjowLCJSIjoyNTUsIkciOjI1NSwiQiI6MjU1fX0sIklzVmlzaWJsZSI6dHJ1ZSwiV2lkdGgiOjAuMCwiSGVpZ2h0IjowLjAsIkJvcmRlclN0eWxlIjp7IiRpZCI6IjkwNyIsIkxpbmVDb2xvciI6bnVsbCwiTGluZVdlaWdodCI6MC4wLCJMaW5lVHlwZSI6MCwiUGFyZW50U3R5bGUiOm51bGx9LCJQYXJlbnRTdHlsZSI6bnVsbH0sIkRhdGVTdHlsZSI6eyIkaWQiOiI5MDgiLCJGb250U2V0dGluZ3MiOnsiJGlkIjoiOTA5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kxOSIsIkxpbmVDb2xvciI6bnVsbCwiTGluZVdlaWdodCI6MC4wLCJMaW5lVHlwZSI6MCwiUGFyZW50U3R5bGUiOm51bGx9LCJQYXJlbnRTdHlsZSI6bnVsbH0sIkR1cmF0aW9uU3R5bGUiOnsiJGlkIjoiOTIwIiwiRm9udFNldHRpbmdzIjp7IiRpZCI6Ijky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OTIyIiwiTGluZUNvbG9yIjpudWxsLCJMaW5lV2VpZ2h0IjowLjAsIkxpbmVUeXBlIjowLCJQYXJlbnRTdHlsZSI6bnVsbH0sIlBhcmVudFN0eWxlIjpudWxsfSwiSG9yaXpvbnRhbENvbm5lY3RvclN0eWxlIjp7IiRpZCI6IjkyMyIsIkxpbmVDb2xvciI6eyIkcmVmIjoiMjcifSwiTGluZVdlaWdodCI6MS4wLCJMaW5lVHlwZSI6MCwiUGFyZW50U3R5bGUiOm51bGx9LCJWZXJ0aWNhbENvbm5lY3RvclN0eWxlIjp7IiRpZCI6IjkyN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OTQ3IiwiTGluZUNvbG9yIjpudWxsLCJMaW5lV2VpZ2h0IjowLjAsIkxpbmVUeXBlIjowLCJQYXJlbnRTdHlsZSI6bnVsbH0sIlBhcmVudFN0eWxlIjpudWxsfSwiRHVyYXRpb25TdHlsZSI6eyIkaWQiOiI5NDgiLCJGb250U2V0dGluZ3MiOnsiJGlkIjoiOTQ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5NTAiLCJMaW5lQ29sb3IiOm51bGwsIkxpbmVXZWlnaHQiOjAuMCwiTGluZVR5cGUiOjAsIlBhcmVudFN0eWxlIjpudWxsfSwiUGFyZW50U3R5bGUiOm51bGx9LCJIb3Jpem9udGFsQ29ubmVjdG9yU3R5bGUiOnsiJGlkIjoiOTUxIiwiTGluZUNvbG9yIjp7IiRyZWYiOiIyNyJ9LCJMaW5lV2VpZ2h0IjoxLjAsIkxpbmVUeXBlIjowLCJQYXJlbnRTdHlsZSI6bnVsbH0sIlZlcnRpY2FsQ29ubmVjdG9yU3R5bGUiOnsiJGlkIjoiOTUy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5NjEiLCJDb2xvciI6eyIkaWQiOiI5NjIiLCJBIjowLCJSIjoyNTUsIkciOjI1NSwiQiI6MjU1fX0sIklzVmlzaWJsZSI6dHJ1ZSwiV2lkdGgiOjAuMCwiSGVpZ2h0IjowLjAsIkJvcmRlclN0eWxlIjp7IiRpZCI6Ijk2MyIsIkxpbmVDb2xvciI6bnVsbCwiTGluZVdlaWdodCI6MC4wLCJMaW5lVHlwZSI6MCwiUGFyZW50U3R5bGUiOm51bGx9LCJQYXJlbnRTdHlsZSI6bnVsbH0sIkRhdGVTdHlsZSI6eyIkaWQiOiI5NjQiLCJGb250U2V0dGluZ3MiOnsiJGlkIjoiOTY1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k3NSIsIkxpbmVDb2xvciI6bnVsbCwiTGluZVdlaWdodCI6MC4wLCJMaW5lVHlwZSI6MCwiUGFyZW50U3R5bGUiOm51bGx9LCJQYXJlbnRTdHlsZSI6bnVsbH0sIkR1cmF0aW9uU3R5bGUiOnsiJGlkIjoiOTc2IiwiRm9udFNldHRpbmdzIjp7IiRpZCI6Ijk3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OTc4IiwiTGluZUNvbG9yIjpudWxsLCJMaW5lV2VpZ2h0IjowLjAsIkxpbmVUeXBlIjowLCJQYXJlbnRTdHlsZSI6bnVsbH0sIlBhcmVudFN0eWxlIjpudWxsfSwiSG9yaXpvbnRhbENvbm5lY3RvclN0eWxlIjp7IiRpZCI6Ijk3OSIsIkxpbmVDb2xvciI6eyIkcmVmIjoiMjcifSwiTGluZVdlaWdodCI6MS4wLCJMaW5lVHlwZSI6MCwiUGFyZW50U3R5bGUiOm51bGx9LCJWZXJ0aWNhbENvbm5lY3RvclN0eWxlIjp7IiRpZCI6Ijk4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5ODkiLCJDb2xvciI6eyIkaWQiOiI5OTAiLCJBIjowLCJSIjoyNTUsIkciOjI1NSwiQiI6MjU1fX0sIklzVmlzaWJsZSI6dHJ1ZSwiV2lkdGgiOjAuMCwiSGVpZ2h0IjowLjAsIkJvcmRlclN0eWxlIjp7IiRpZCI6Ijk5MSIsIkxpbmVDb2xvciI6bnVsbCwiTGluZVdlaWdodCI6MC4wLCJMaW5lVHlwZSI6MCwiUGFyZW50U3R5bGUiOm51bGx9LCJQYXJlbnRTdHlsZSI6bnVsbH0sIkRhdGVTdHlsZSI6eyIkaWQiOiI5OTIiLCJGb250U2V0dGluZ3MiOnsiJGlkIjoiOTkz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DA0IiwiTGluZUNvbG9yIjpudWxsLCJMaW5lV2VpZ2h0IjowLjAsIkxpbmVUeXBlIjowLCJQYXJlbnRTdHlsZSI6bnVsbH0sIlBhcmVudFN0eWxlIjpudWxsfSwiRHVyYXRpb25TdHlsZSI6eyIkaWQiOiIxMDA1IiwiRm9udFNldHRpbmdzIjp7IiRpZCI6IjEwMDY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MDciLCJMaW5lQ29sb3IiOm51bGwsIkxpbmVXZWlnaHQiOjAuMCwiTGluZVR5cGUiOjAsIlBhcmVudFN0eWxlIjpudWxsfSwiUGFyZW50U3R5bGUiOm51bGx9LCJIb3Jpem9udGFsQ29ubmVjdG9yU3R5bGUiOnsiJGlkIjoiMTAwOCIsIkxpbmVDb2xvciI6eyIkcmVmIjoiMjcifSwiTGluZVdlaWdodCI6MS4wLCJMaW5lVHlwZSI6MCwiUGFyZW50U3R5bGUiOm51bGx9LCJWZXJ0aWNhbENvbm5lY3RvclN0eWxlIjp7IiRpZCI6IjEwMD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AxOCIsIkNvbG9yIjp7IiRpZCI6IjEwMTkiLCJBIjowLCJSIjoyNTUsIkciOjI1NSwiQiI6MjU1fX0sIklzVmlzaWJsZSI6dHJ1ZSwiV2lkdGgiOjAuMCwiSGVpZ2h0IjowLjAsIkJvcmRlclN0eWxlIjp7IiRpZCI6IjEwMjAiLCJMaW5lQ29sb3IiOm51bGwsIkxpbmVXZWlnaHQiOjAuMCwiTGluZVR5cGUiOjAsIlBhcmVudFN0eWxlIjpudWxsfSwiUGFyZW50U3R5bGUiOm51bGx9LCJEYXRlU3R5bGUiOnsiJGlkIjoiMTAyMSIsIkZvbnRTZXR0aW5ncyI6eyIkaWQiOiIxMDIy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TAzMiIsIkxpbmVDb2xvciI6bnVsbCwiTGluZVdlaWdodCI6MC4wLCJMaW5lVHlwZSI6MCwiUGFyZW50U3R5bGUiOm51bGx9LCJQYXJlbnRTdHlsZSI6bnVsbH0sIkR1cmF0aW9uU3R5bGUiOnsiJGlkIjoiMTAzMyIsIkZvbnRTZXR0aW5ncyI6eyIkaWQiOiIxMDM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DM1IiwiTGluZUNvbG9yIjpudWxsLCJMaW5lV2VpZ2h0IjowLjAsIkxpbmVUeXBlIjowLCJQYXJlbnRTdHlsZSI6bnVsbH0sIlBhcmVudFN0eWxlIjpudWxsfSwiSG9yaXpvbnRhbENvbm5lY3RvclN0eWxlIjp7IiRpZCI6IjEwMzYiLCJMaW5lQ29sb3IiOnsiJHJlZiI6IjI3In0sIkxpbmVXZWlnaHQiOjEuMCwiTGluZVR5cGUiOjAsIlBhcmVudFN0eWxlIjpudWxsfSwiVmVydGljYWxDb25uZWN0b3JTdHlsZSI6eyIkaWQiOiIxMDM3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A0NiIsIkNvbG9yIjp7IiRpZCI6IjEwNDciLCJBIjowLCJSIjoyNTUsIkciOjI1NSwiQiI6MjU1fX0sIklzVmlzaWJsZSI6dHJ1ZSwiV2lkdGgiOjAuMCwiSGVpZ2h0IjowLjAsIkJvcmRlclN0eWxlIjp7IiRpZCI6IjEwNDgiLCJMaW5lQ29sb3IiOm51bGwsIkxpbmVXZWlnaHQiOjAuMCwiTGluZVR5cGUiOjAsIlBhcmVudFN0eWxlIjpudWxsfSwiUGFyZW50U3R5bGUiOm51bGx9LCJEYXRlU3R5bGUiOnsiJGlkIjoiMTA0OSIsIkZvbnRTZXR0aW5ncyI6eyIkaWQiOiIxMDUw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g5LCJSIjowLCJHIjowLCJCIjowfX0sIklzVmlzaWJsZSI6ZmFsc2UsIldpZHRoIjowLjAsIkhlaWdodCI6MC4wLCJCb3JkZXJTdHlsZSI6bnVsbCwiUGFyZW50U3R5bGUiOm51bGx9LCJEYXRlRm9ybWF0Ijp7IiRpZCI6IjEyNDA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MTI0NiIsIkZvbnRTZXR0aW5ncyI6eyIkaWQiOiIxMjQ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bnVsbCwiUGFyZW50U3R5bGUiOm51bGx9LCJIb3Jpem9udGFsQ29ubmVjdG9yU3R5bGUiOnsiJGlkIjoiMTI0OCIsIkxpbmVDb2xvciI6eyIkcmVmIjoiMjcifSwiTGluZVdlaWdodCI6MS4wLCJMaW5lVHlwZSI6MCwiUGFyZW50U3R5bGUiOm51bGx9LCJWZXJ0aWNhbENvbm5lY3RvclN0eWxlIjp7IiRpZCI6IjEyNDkiLCJMaW5lQ29sb3IiOnsiJHJlZiI6IjMwIn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I2MCIsIkNvbG9yIjp7IiRpZCI6IjEyNjEiLCJBIjo4OSwiUiI6MCwiRyI6MCwiQiI6MH19LCJJc1Zpc2libGUiOnRydWUsIldpZHRoIjowLjAsIkhlaWdodCI6MC4wLCJCb3JkZXJTdHlsZSI6bnVsbCwiUGFyZW50U3R5bGUiOm51bGx9LCJEYXRlU3R5bGUiOnsiJGlkIjoiMTI2MiIsIkZvbnRTZXR0aW5ncyI6eyIkaWQiOiIxMjYzIiwiRm9udFNpemUiOjEwLCJGb250TmFtZSI6IkNhbGlicmkiLCJJc0JvbGQiOmZhbHNlLCJJc0l0YWxpYyI6ZmFsc2UsIklzVW5kZXJsaW5lZCI6ZmFsc2UsIlBhcmVudFN0eWxlIjpudWxsfSwiQXV0b1NpemUiOjAsIkZvcmVncm91bmQiOnsiJHJlZiI6IjE4My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MTg1In0sIklzVmlzaWJsZSI6dHJ1ZSwiV2lkdGgiOjAuMCwiSGVpZ2h0IjowLjAsIkJvcmRlclN0eWxlIjpudWxsLCJQYXJlbnRTdHlsZSI6bnVsbH0sIkRhdGVGb3JtYXQiOnsiJGlkIjoiMT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1IiwiRm9ybWF0IjowLCJJc1Zpc2libGUiOmZhbHNlLCJMYXN0S25vd25WaXNpYmlsaXR5U3RhdGUiOmZhbHNlfSwiSXNWaXNpYmxlIjp0cnVlLCJQYXJlbnRTdHlsZSI6bnVsbCwiX2V4cGxpY2l0bHlTZXQiOnsiJGlkIjoiMTI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NS4wLFwiTGVmdFwiOjEzLjAsXCJSaWdodFwiOjEzLjAsXCJCb3R0b21cIjo1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xMjEsXCJHXCI6MTY4LFwiQlwiOjE2N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nRydWUsXCJXaWR0aFwiOjAuMCxcIkhlaWdodFwiOjAuMCxcIkJvcmRlclN0eWxlXCI6bnVsbH0sXCJMZWZ0RW5kQ2Fwc1N0eWxlXCI6e1wiJGlkXCI6XCIzN1wiLFwiRm9udFNldHRpbmdzXCI6e1wiJGlkXCI6XCIzOFwiLFwiRm9udFNpemVcIjozMixcIkZvbnROYW1lXCI6XCJDYWxpYnJpXCIsXCJJc0JvbGRcIjp0cnVlLFwiSXNJdGFsaWNcIjpmYWxzZSxcIklzVW5kZXJsaW5lZFwiOmZhbHNlfSxcIkF1dG9TaXplXCI6MCxcIkZvcmVncm91bmRcIjp7XCIkaWRcIjpcIjM5XCIsXCJDb2xvclwiOntcIiRpZFwiOlwiNDBcIixcIkFcIjoyNTUsXCJSXCI6MTIxLFwiR1wiOjE2OCxcIkJcIjoxNjR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UsXCJIYXNCZWVuVmlzaWJsZUJlZm9yZVwiOnRydWUsXCJGb250U2V0dGluZ3NcIjp7XCIkaWRcIjpcIjU3XCIsXCJGb250U2l6ZVwiOjE4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1LFwiSGFzQmVlblZpc2libGVCZWZvcmVcIjpmYWxzZSxcIkZvbnRTZXR0aW5nc1wiOntcIiRpZFwiOlwiNjRcIixcIkZvbnRTaXplXCI6MTg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UsXCJIYXNCZWVuVmlzaWJsZUJlZm9yZVwiOmZhbHNlLFwiRm9udFNldHRpbmdzXCI6e1wiJGlkXCI6XCI3MlwiLFwiRm9udFNpemVcIjoxOC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0cnVlLFwiRWxhcHNlZFRpbWVGb3JtYXRcIjowLFwiVG9kYXlNYXJrZXJQb3NpdGlvblwiOjAsXCJRdWlja1Bvc2l0aW9uXCI6MCxcIkFic29sdXRlUG9zaXRpb25cIjoxMz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k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5MSxcIkdcIjoxNTUsXCJCXCI6MjEz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4OS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g5LFwiUlwiOjAsXCJHXCI6MCxcIkJcIjowfX0sXCJJc1Zpc2libGVcIjp0cnVlLFwiV2lkdGhcIjowLjAsXCJIZWlnaHRcIjowLjAsXCJCb3JkZXJTdHlsZVwiOm51bGx9LFwiVGl0bGVQb3NpdGlvblwiOjIsXCJEYXRlUG9zaXRpb25cIjpcIkxlZnRcIixcIlNoYXBlVHlwZVwiOjk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5MSxcIkdcIjoxNTUsXCJCXCI6MjEzfX0sXCJJc1Zpc2libGVcIjp0cnVlLFwiV2lkdGhcIjoxOC4wLFwiSGVpZ2h0XCI6MjA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4LFwiU2hhcGVUaGlja25lc3NcIjox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S4wLFwiTGluZVR5cGVcIjowfSxcIk1hcmdpblwiOm51bGwsXCJTdGFydERhdGVQb3NpdGlvblwiOjMsXCJFbmREYXRlUG9zaXRpb25cIjo0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2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yODZcIixcIlRvcFwiOjAuMCxcIkxlZnRcIjowLjAsXCJSaWdodFwiOjAuMCxcIkJvdHRvbVwiOjAuMH0sXCJQYWRkaW5nXCI6e1wiJGlkXCI6XCIyODd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zA1XCIsXCJUb3BcIjowLjAsXCJMZWZ0XCI6MC4wLFwiUmlnaHRcIjowLjAsXCJCb3R0b21cIjowLjB9LFwiUGFkZGluZ1wiOntcIiRpZFwiOlwiMzA2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GQzZmJkMi1mNDY0LTQxZTEtODI5Yi1jNTcyNGI4NGJkNDFcIixcIlNwYWNpbmdcIjo1fSx7XCIkaWRcIjpcIjMxNFwiLFwiVGl0bGVTdHlsZVwiOntcIiRpZFwiOlwiMzE1XCIsXCJGb250U2V0dGluZ3NcIjp7XCIkaWRcIjpcIjMxNlwiLFwiRm9udFNpemVcIjoxMSxcIkZvbnROYW1lXCI6XCJDYWxpYnJpXCIsXCJJc0JvbGRcIjp0cnVlLFwiSXNJdGFsaWNcIjpmYWxzZSxcIklzVW5kZXJsaW5lZFwiOmZhbHNlfSxcIkF1dG9TaXplXCI6MCxcIkZvcmVncm91bmRcIjp7XCIkaWRcIjpcIjMxN1wiLFwiQ29sb3JcIjp7XCIkaWRcIjpcIjM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zI0XCIsXCJUb3BcIjowLjAsXCJMZWZ0XCI6MC4wLFwiUmlnaHRcIjowLjAsXCJCb3R0b21cIjowLjB9LFwiUGFkZGluZ1wiOntcIiRpZFwiOlwiMzI1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zQzXCIsXCJUb3BcIjowLjAsXCJMZWZ0XCI6MC4wLFwiUmlnaHRcIjowLjAsXCJCb3R0b21cIjowLjB9LFwiUGFkZGluZ1wiOntcIiRpZFwiOlwiMzQ0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GQzZmJkMi1mNDY0LTQxZTEtODI5Yi1jNTcyNGI4NGJkNDFcIixcIlNwYWNpbmdcIjo1fSx7XCIkaWRcIjpcIjM1MlwiLFwiVGl0bGVTdHlsZVwiOntcIiRpZFwiOlwiMzUzXCIsXCJGb250U2V0dGluZ3NcIjp7XCIkaWRcIjpcIjM1NFwiLFwiRm9udFNpemVcIjoxMSxcIkZvbnROYW1lXCI6XCJDYWxpYnJpXCIsXCJJc0JvbGRcIjp0cnVlLFwiSXNJdGFsaWNcIjpmYWxzZSxcIklzVW5kZXJsaW5lZFwiOmZhbHNlfSxcIkF1dG9TaXplXCI6MCxcIkZvcmVncm91bmRcIjp7XCIkaWRcIjpcIjM1NVwiLFwiQ29sb3JcIjp7XCIkaWRcIjpcIjM1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MzYyXCIsXCJUb3BcIjowLjAsXCJMZWZ0XCI6MC4wLFwiUmlnaHRcIjowLjAsXCJCb3R0b21cIjowLjB9LFwiUGFkZGluZ1wiOntcIiRpZFwiOlwiMzY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M4MVwiLFwiVG9wXCI6MC4wLFwiTGVmdFwiOjAuMCxcIlJpZ2h0XCI6MC4wLFwiQm90dG9tXCI6MC4wfSxcIlBhZGRpbmdcIjp7XCIkaWRcIjpcIjM4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CxcIlNoYXBlU2l6ZVwiOjEsXCJTaGFwZV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jU1LFwiUlwiOjI1NSxcIkdcIjoxOTIsXCJCXCI6MH19LFwiSXNWaXNpYmxlXCI6dHJ1ZSxcIldpZHRoXCI6MTguMCxcIkhlaWdodFwiOjIwLjAsXCJCb3JkZXJTdHlsZVwiOntcIiRpZFwiOlwiMzg4XCIsXCJMaW5lQ29sb3JcIjpudWxsLFwiTGluZVdlaWdodFwiOjAuMCxcIkxpbmVUeXBlXCI6MH19LFwiRGF0ZUZvcm1hdFwiOntcIiRpZFwiOlwiMzg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OWE0YWI4NTktNTg0Zi00ODk4LTljN2EtNDY0YmE5YTVjMTUxXCIsXCJTcGFjaW5nXCI6NX0se1wiJGlkXCI6XCIzOTBcIixcIlRpdGxlU3R5bGVcIjp7XCIkaWRcIjpcIjM5MVwiLFwiRm9udFNldHRpbmdzXCI6e1wiJGlkXCI6XCIzOTJcIixcIkZvbnRTaXplXCI6MTEsXCJGb250TmFtZVwiOlwiQ2FsaWJyaVwiLFwiSXNCb2xkXCI6dHJ1ZSxcIklzSXRhbGljXCI6ZmFsc2UsXCJJc1VuZGVybGluZWRcIjpmYWxzZX0sXCJBdXRvU2l6ZVwiOjAsXCJGb3JlZ3JvdW5kXCI6e1wiJGlkXCI6XCIzOTNcIixcIkNvbG9yXCI6e1wiJGlkXCI6XCIzO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QwMFwiLFwiVG9wXCI6MC4wLFwiTGVmdFwiOjAuMCxcIlJpZ2h0XCI6MC4wLFwiQm90dG9tXCI6MC4wfSxcIlBhZGRpbmdcIjp7XCIkaWRcIjpcIjQw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0MTlcIixcIlRvcFwiOjAuMCxcIkxlZnRcIjowLjAsXCJSaWdodFwiOjAuMCxcIkJvdHRvbVwiOjAuMH0sXCJQYWRkaW5nXCI6e1wiJGlkXCI6XCI0MjB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TZmNWUwMDctYTdmYi00MGI0LWJjNTYtM2M0Yzg4Mjg1MmRkXCIsXCJTcGFjaW5nXCI6NX0se1wiJGlkXCI6XCI0NzVcIixcIlRpdGxlU3R5bGVcIjp7XCIkaWRcIjpcIjQ3NlwiLFwiRm9udFNldHRpbmdzXCI6e1wiJGlkXCI6XCI0NzdcIixcIkZvbnRTaXplXCI6MTEsXCJGb250TmFtZVwiOlwiQ2FsaWJyaVwiLFwiSXNCb2xkXCI6dHJ1ZSxcIklzSXRhbGljXCI6ZmFsc2UsXCJJc1VuZGVybGluZWRcIjpmYWxzZX0sXCJBdXRvU2l6ZVwiOjAsXCJGb3JlZ3JvdW5kXCI6e1wiJGlkXCI6XCI0NzhcIixcIkNvbG9yXCI6e1wiJGlkXCI6XCI0Nzl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TZmNWUwMDctYTdmYi00MGI0LWJjNTYtM2M0Yzg4Mjg1MmRkXCIsXCJTcGFjaW5nXCI6NX0se1wiJGlkXCI6XCI0OTRcIixcIlRpdGxlU3R5bGVcIjp7XCIkaWRcIjpcIjQ5NVwiLFwiRm9udFNldHRpbmdzXCI6e1wiJGlkXCI6XCI0OTZcIixcIkZvbnRTaXplXCI6MTEsXCJGb250TmFtZVwiOlwiQ2FsaWJyaVwiLFwiSXNCb2xkXCI6dHJ1ZSxcIklzSXRhbGljXCI6ZmFsc2UsXCJJc1VuZGVybGluZWRcIjpmYWxzZX0sXCJBdXRvU2l6ZVwiOjAsXCJGb3JlZ3JvdW5kXCI6e1wiJGlkXCI6XCI0OTdcIixcIkNvbG9yXCI6e1wiJGlkXCI6XCI0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yZWZcIjpcIjEwNVwifSxcIklzVmlzaWJsZVwiOnRydWUsXCJXaWR0aFwiOjAuMCxcIkhlaWdodFwiOjAuMCxcIkJvcmRlclN0eWxlXCI6bnVsbH0sXCJEYXRlU3R5bGVcIjp7XCIkaWRcIjpcIjUwMVwiLFwiRm9udFNldHRpbmdzXCI6e1wiJGlkXCI6XCI1MDJcIixcIkZvbnRTaXplXCI6MTAsXCJGb250TmFtZVwiOlwiQ2FsaWJyaVwiLFwiSXNCb2xkXCI6ZmFsc2UsXCJJc0l0YWxpY1wiOmZhbHNlLFwiSXNVbmRlcmxpbmVkXCI6ZmFsc2V9LFwiQXV0b1NpemVcIjowLFwiRm9yZWdyb3VuZFwiOntcIiRpZFwiOlwiNTAz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UwNFwiLFwiVG9wXCI6MC4wLFwiTGVmdFwiOjAuMCxcIlJpZ2h0XCI6MC4wLFwiQm90dG9tXCI6MC4wfSxcIlBhZGRpbmdcIjp7XCIkaWRcIjpcIjUwN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TZmNWUwMDctYTdmYi00MGI0LWJjNTYtM2M0Yzg4Mjg1MmRkXCIsXCJTcGFjaW5nXCI6NX0se1wiJGlkXCI6XCI1MTNcIixcIlRpdGxlU3R5bGVcIjp7XCIkaWRcIjpcIjUxNFwiLFwiRm9udFNldHRpbmdzXCI6e1wiJGlkXCI6XCI1MTVcIixcIkZvbnRTaXplXCI6MTEsXCJGb250TmFtZVwiOlwiQ2FsaWJyaVwiLFwiSXNCb2xkXCI6dHJ1ZSxcIklzSXRhbGljXCI6ZmFsc2UsXCJJc1VuZGVybGluZWRcIjpmYWxzZX0sXCJBdXRvU2l6ZVwiOjAsXCJGb3JlZ3JvdW5kXCI6e1wiJGlkXCI6XCI1MTZcIixcIkNvbG9yXCI6e1wiJGlkXCI6XCI1MT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TZmNWUwMDctYTdmYi00MGI0LWJjNTYtM2M0Yzg4Mjg1MmRkXCIsXCJTcGFjaW5nXCI6NX0se1wiJGlkXCI6XCI1MzNcIixcIlRpdGxlU3R5bGVcIjp7XCIkaWRcIjpcIjUzNFwiLFwiRm9udFNldHRpbmdzXCI6e1wiJGlkXCI6XCI1MzVcIixcIkZvbnRTaXplXCI6MTEsXCJGb250TmFtZVwiOlwiQ2FsaWJyaVwiLFwiSXNCb2xkXCI6dHJ1ZSxcIklzSXRhbGljXCI6ZmFsc2UsXCJJc1VuZGVybGluZWRcIjpmYWxzZX0sXCJBdXRvU2l6ZVwiOjAsXCJGb3JlZ3JvdW5kXCI6e1wiJGlkXCI6XCI1MzZcIixcIkNvbG9yXCI6e1wiJGlkXCI6XCI1Mz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U0M1wiLFwiVG9wXCI6MC4wLFwiTGVmdFwiOjAuMCxcIlJpZ2h0XCI6MC4wLFwiQm90dG9tXCI6MC4wfSxcIlBhZGRpbmdcIjp7XCIkaWRcIjpcIjU0N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WMwMGU0ZWQtNzgzOS00M2U4LThlOTEtYWNjZTFhZTUwYTIxXCIsXCJTcGFjaW5nXCI6NX0se1wiJGlkXCI6XCI1NTJcIixcIlRpdGxlU3R5bGVcIjp7XCIkaWRcIjpcIjU1M1wiLFwiRm9udFNldHRpbmdzXCI6e1wiJGlkXCI6XCI1NTRcIixcIkZvbnRTaXplXCI6MTEsXCJGb250TmFtZVwiOlwiQ2FsaWJyaVwiLFwiSXNCb2xkXCI6dHJ1ZSxcIklzSXRhbGljXCI6ZmFsc2UsXCJJc1VuZGVybGluZWRcIjpmYWxzZX0sXCJBdXRvU2l6ZVwiOjAsXCJGb3JlZ3JvdW5kXCI6e1wiJGlkXCI6XCI1NTVcIixcIkNvbG9yXCI6e1wiJGlkXCI6XCI1NT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U2MlwiLFwiVG9wXCI6MC4wLFwiTGVmdFwiOjAuMCxcIlJpZ2h0XCI6MC4wLFwiQm90dG9tXCI6MC4wfSxcIlBhZGRpbmdcIjp7XCIkaWRcIjpcIjU2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WMwMGU0ZWQtNzgzOS00M2U4LThlOTEtYWNjZTFhZTUwYTIxXCIsXCJTcGFjaW5nXCI6NX0se1wiJGlkXCI6XCI1NzFcIixcIlRpdGxlU3R5bGVcIjp7XCIkaWRcIjpcIjU3MlwiLFwiRm9udFNldHRpbmdzXCI6e1wiJGlkXCI6XCI1NzNcIixcIkZvbnRTaXplXCI6MTEsXCJGb250TmFtZVwiOlwiQ2FsaWJyaVwiLFwiSXNCb2xkXCI6dHJ1ZSxcIklzSXRhbGljXCI6ZmFsc2UsXCJJc1VuZGVybGluZWRcIjpmYWxzZX0sXCJBdXRvU2l6ZVwiOjAsXCJGb3JlZ3JvdW5kXCI6e1wiJGlkXCI6XCI1NzRcIixcIkNvbG9yXCI6e1wiJGlkXCI6XCI1Nz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WMwMGU0ZWQtNzgzOS00M2U4LThlOTEtYWNjZTFhZTUwYTIxXCIsXCJTcGFjaW5nXCI6NX0se1wiJGlkXCI6XCI1OTBcIixcIlRpdGxlU3R5bGVcIjp7XCIkaWRcIjpcIjU5MVwiLFwiRm9udFNldHRpbmdzXCI6e1wiJGlkXCI6XCI1OTJcIixcIkZvbnRTaXplXCI6MTEsXCJGb250TmFtZVwiOlwiQ2FsaWJyaVwiLFwiSXNCb2xkXCI6dHJ1ZSxcIklzSXRhbGljXCI6ZmFsc2UsXCJJc1VuZGVybGluZWRcIjpmYWxzZX0sXCJBdXRvU2l6ZVwiOjAsXCJGb3JlZ3JvdW5kXCI6e1wiJGlkXCI6XCI1OTNcIixcIkNvbG9yXCI6e1wiJGlkXCI6XCI1O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2MjBcIixcIlRvcFwiOjAuMCxcIkxlZnRcIjowLjAsXCJSaWdodFwiOjAuMCxcIkJvdHRvbVwiOjAuMH0sXCJQYWRkaW5nXCI6e1wiJGlkXCI6XCI2Mj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lwiLFwiU3BhY2luZ1wiOjV9XSxcIkN1c3RvbVN3aW1sYW5lVGFza1N0eWxlTGlzdFwiOltdfSx7XCIkaWRcIjpcIjYyOVwiLFwiU3R5bGVcIjp7XCIkaWRcIjpcIjYzMFwiLFwiSGVhZGVyU3R5bGVcIjp7XCIkaWRcIjpcIjYzMVwiLFwiVGV4dFN0eWxlXCI6e1wiJGlkXCI6XCI2MzJcIixcIkZvbnRTZXR0aW5nc1wiOntcIiRpZFwiOlwiNjMzXCIsXCJGb250U2l6ZVwiOjEyLFwiRm9udE5hbWVcIjpcIkNhbGlicmlcIixcIklzQm9sZFwiOnRydWUsXCJJc0l0YWxpY1wiOmZhbHNlLFwiSXNVbmRlcmxpbmVkXCI6ZmFsc2V9LFwiQXV0b1NpemVcIjowLFwiRm9yZWdyb3VuZFwiOntcIiRpZFwiOlwiNjM0XCIsXCJDb2xvclwiOntcIiRpZFwiOlwiNjM1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2NjRcIixcIlRvcFwiOjAuMCxcIkxlZnRcIjowLjAsXCJSaWdodFwiOjAuMCxcIkJvdHRvbVwiOjAuMH0sXCJQYWRkaW5nXCI6e1wiJGlkXCI6XCI2NjV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3MjFcIixcIlRvcFwiOjAuMCxcIkxlZnRcIjowLjAsXCJSaWdodFwiOjAuMCxcIkJvdHRvbVwiOjAuMH0sXCJQYWRkaW5nXCI6e1wiJGlkXCI6XCI3MjJ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c1OVwiLFwiVG9wXCI6MC4wLFwiTGVmdFwiOjAuMCxcIlJpZ2h0XCI6MC4wLFwiQm90dG9tXCI6MC4wfSxcIlBhZGRpbmdcIjp7XCIkaWRcIjpcIjc2M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c3OFwiLFwiVG9wXCI6MC4wLFwiTGVmdFwiOjAuMCxcIlJpZ2h0XCI6MC4wLFwiQm90dG9tXCI6MC4wfSxcIlBhZGRpbmdcIjp7XCIkaWRcIjpcIjc3O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3OTdcIixcIlRvcFwiOjAuMCxcIkxlZnRcIjowLjAsXCJSaWdodFwiOjAuMCxcIkJvdHRvbVwiOjAuMH0sXCJQYWRkaW5nXCI6e1wiJGlkXCI6XCI3OTh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g0MVwiLFwiVG9wXCI6MC4wLFwiTGVmdFwiOjAuMCxcIlJpZ2h0XCI6MC4wLFwiQm90dG9tXCI6MC4wfSxcIlBhZGRpbmdcIjp7XCIkaWRcIjpcIjg0Ml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Q0NzgzNjhiLThjYmQtNDhmYi1iMTZmLTAwNGRkOTM3MjE0N1wiLFwiU3BhY2luZ1wiOjV9LHtcIiRpZFwiOlwiODUwXCIsXCJUaXRsZVN0eWxlXCI6e1wiJGlkXCI6XCI4NTFcIixcIkZvbnRTZXR0aW5nc1wiOntcIiRpZFwiOlwiODUyXCIsXCJGb250U2l6ZVwiOjExLFwiRm9udE5hbWVcIjpcIkNhbGlicmlcIixcIklzQm9sZFwiOnRydWUsXCJJc0l0YWxpY1wiOmZhbHNlLFwiSXNVbmRlcmxpbmVkXCI6ZmFsc2V9LFwiQXV0b1NpemVcIjowLFwiRm9yZWdyb3VuZFwiOntcIiRpZFwiOlwiODUzXCIsXCJDb2xvclwiOntcIiRpZFwiOlwiODU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4NjBcIixcIlRvcFwiOjAuMCxcIkxlZnRcIjowLjAsXCJSaWdodFwiOjAuMCxcIkJvdHRvbVwiOjAuMH0sXCJQYWRkaW5nXCI6e1wiJGlkXCI6XCI4Nj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kNDc4MzY4Yi04Y2JkLTQ4ZmItYjE2Zi0wMDRkZDkzNzIxNDdcIixcIlNwYWNpbmdcIjo1fSx7XCIkaWRcIjpcIjg2OVwiLFwiVGl0bGVTdHlsZVwiOntcIiRpZFwiOlwiODcwXCIsXCJGb250U2V0dGluZ3NcIjp7XCIkaWRcIjpcIjg3MVwiLFwiRm9udFNpemVcIjoxMSxcIkZvbnROYW1lXCI6XCJDYWxpYnJpXCIsXCJJc0JvbGRcIjp0cnVlLFwiSXNJdGFsaWNcIjpmYWxzZSxcIklzVW5kZXJsaW5lZFwiOmZhbHNlfSxcIkF1dG9TaXplXCI6MCxcIkZvcmVncm91bmRcIjp7XCIkaWRcIjpcIjg3MlwiLFwiQ29sb3JcIjp7XCIkaWRcIjpcIjg3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4MFwiLFwiVG9wXCI6MC4wLFwiTGVmdFwiOjAuMCxcIlJpZ2h0XCI6MC4wLFwiQm90dG9tXCI6MC4wfSxcIlBhZGRpbmdcIjp7XCIkaWRcIjpcIjg4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Q0NzgzNjhiLThjYmQtNDhmYi1iMTZmLTAwNGRkOTM3MjE0N1wiLFwiU3BhY2luZ1wiOjV9LHtcIiRpZFwiOlwiODg5XCIsXCJUaXRsZVN0eWxlXCI6e1wiJGlkXCI6XCI4OTBcIixcIkZvbnRTZXR0aW5nc1wiOntcIiRpZFwiOlwiODkxXCIsXCJGb250U2l6ZVwiOjExLFwiRm9udE5hbWVcIjpcIkNhbGlicmlcIixcIklzQm9sZFwiOnRydWUsXCJJc0l0YWxpY1wiOmZhbHNlLFwiSXNVbmRlcmxpbmVkXCI6ZmFsc2V9LFwiQXV0b1NpemVcIjowLFwiRm9yZWdyb3VuZFwiOntcIiRpZFwiOlwiODkyXCIsXCJDb2xvclwiOntcIiRpZFwiOlwiODk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4OTlcIixcIlRvcFwiOjAuMCxcIkxlZnRcIjowLjAsXCJSaWdodFwiOjAuMCxcIkJvdHRvbVwiOjAuMH0sXCJQYWRkaW5nXCI6e1wiJGlkXCI6XCI5MDB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EyMDFjNWZiLWQyMDctNDJhNC1hYjM3LTJiMWI5OTNmMmUzY1wiLFwiU3BhY2luZ1wiOjV9LHtcIiRpZFwiOlwiOTUyXCIsXCJUaXRsZVN0eWxlXCI6e1wiJGlkXCI6XCI5NTNcIixcIkZvbnRTZXR0aW5nc1wiOntcIiRpZFwiOlwiOTU0XCIsXCJGb250U2l6ZVwiOjExLFwiRm9udE5hbWVcIjpcIkNhbGlicmlcIixcIklzQm9sZFwiOnRydWUsXCJJc0l0YWxpY1wiOmZhbHNlLFwiSXNVbmRlcmxpbmVkXCI6ZmFsc2V9LFwiQXV0b1NpemVcIjowLFwiRm9yZWdyb3VuZFwiOntcIiRpZFwiOlwiOTU1XCIsXCJDb2xvclwiOntcIiRpZFwiOlwiOTU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cmVmXCI6XCIxMDVcIn0sXCJJc1Zpc2libGVcIjp0cnVlLFwiV2lkdGhcIjowLjAsXCJIZWlnaHRcIjowLjAsXCJCb3JkZXJTdHlsZVwiOm51bGx9LFwiRGF0ZVN0eWxlXCI6e1wiJGlkXCI6XCI5NTlcIixcIkZvbnRTZXR0aW5nc1wiOntcIiRpZFwiOlwiOTYwXCIsXCJGb250U2l6ZVwiOjEwLFwiRm9udE5hbWVcIjpcIkNhbGlicmlcIixcIklzQm9sZFwiOmZhbHNlLFwiSXNJdGFsaWNcIjpmYWxzZSxcIklzVW5kZXJsaW5lZFwiOmZhbHNlfSxcIkF1dG9TaXplXCI6MCxcIkZvcmVncm91bmRcIjp7XCIkaWRcIjpcIjk2M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5NjJcIixcIlRvcFwiOjAuMCxcIkxlZnRcIjowLjAsXCJSaWdodFwiOjAuMCxcIkJvdHRvbVwiOjAuMH0sXCJQYWRkaW5nXCI6e1wiJGlkXCI6XCI5Nj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xMjAxYzVmYi1kMjA3LTQyYTQtYWIzNy0yYjFiOTkzZjJlM2NcIixcIlNwYWNpbmdcIjo1fSx7XCIkaWRcIjpcIjk3MVwiLFwiVGl0bGVTdHlsZVwiOntcIiRpZFwiOlwiOTcyXCIsXCJGb250U2V0dGluZ3NcIjp7XCIkaWRcIjpcIjk3M1wiLFwiRm9udFNpemVcIjoxMSxcIkZvbnROYW1lXCI6XCJDYWxpYnJpXCIsXCJJc0JvbGRcIjp0cnVlLFwiSXNJdGFsaWNcIjpmYWxzZSxcIklzVW5kZXJsaW5lZFwiOmZhbHNlfSxcIkF1dG9TaXplXCI6MCxcIkZvcmVncm91bmRcIjp7XCIkaWRcIjpcIjk3NFwiLFwiQ29sb3JcIjp7XCIkaWRcIjpcIjk3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4MlwiLFwiVG9wXCI6MC4wLFwiTGVmdFwiOjAuMCxcIlJpZ2h0XCI6MC4wLFwiQm90dG9tXCI6MC4wfSxcIlBhZGRpbmdcIjp7XCIkaWRcIjpcIjk4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Q4IiwiVXNlVGltZSI6dHJ1ZSwiV29ya0RheVN0YXJ0IjoiMDA6MDA6MDAiLCJXb3JrRGF5RW5kIjoiMjM6NTk6MDAifSwiTGFzdFVzZWRUZW1wbGF0ZUlkIjoiZDE5NDJhN2ItZGFiNC00YzdmLWE3NTItYjZhOWVkODE5OGVhIiwiRmlyc3RXZWVrT2ZZZWFyIjowLCJQbGFjZU1pbGVzdG9uZUF0VGhlQmVnaW5uaW5nT2ZUaGVEYXkiOmZhbHNlLCJEZXBlbmRlbmN5U2NoZWR1bGluZ1NldHRpbmdzIjp7IiRpZCI6IjEzND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51.5316092538176"/>
  <p:tag name="OTLTIMEBANDFYSTARTMONTH" val="January"/>
  <p:tag name="OTLTIMEBANDSHOWFYLABEL" val="True"/>
  <p:tag name="OTLTIMEBANDUSESTARTINGOFTHEYEARFORFYNUMBERING" val="True"/>
  <p:tag name="OTLTIMEBANDRESERVEDLEFTAREAWIDTH" val="46.6257330459627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RESERVEDLEFTAREAISSET" val="False"/>
  <p:tag name="OTLTIMEBANDENDDATE" val="2023-12-31T23:59:00.0000000"/>
  <p:tag name="OTLTIMEBANDUSETIME" val="Tru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23:59:00.0000000Z"/>
  <p:tag name="OTLENDDATE" val="2023-03-31T23:59:00.0000000Z"/>
  <p:tag name="OTLDURATIONFORMAT" val="day"/>
  <p:tag name="OTLSPACING" val="5"/>
  <p:tag name="OTLSHAPETHICKNESSTYPE" val="Regular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23:59:00.0000000Z"/>
  <p:tag name="OTLENDDATE" val="2023-09-30T23:59:00.0000000Z"/>
  <p:tag name="OTLDURATIONFORMAT" val="day"/>
  <p:tag name="OTLSPACING" val="5"/>
  <p:tag name="OTLSHAPETHICKNESSTYPE" val="Regular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23:59:00.0000000Z"/>
  <p:tag name="OTLENDDATE" val="2023-09-30T23:59:00.0000000Z"/>
  <p:tag name="OTLDURATIONFORMAT" val="day"/>
  <p:tag name="OTLSPACING" val="5"/>
  <p:tag name="OTLSHAPETHICKNESSTYPE" val="Regula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23:59:00.0000000"/>
  <p:tag name="OTLENDDATE" val="2023-03-31T23:59:00.0000000"/>
  <p:tag name="OTLDURATIONFORMAT" val="day"/>
  <p:tag name="OTLSPACING" val="5"/>
  <p:tag name="OTLSHAPETHICKNESSTYPE" val="Regular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23:59:00.0000000"/>
  <p:tag name="OTLENDDATE" val="2023-03-31T23:59:00.0000000"/>
  <p:tag name="OTLDURATIONFORMAT" val="day"/>
  <p:tag name="OTLSPACING" val="5"/>
  <p:tag name="OTLSHAPETHICKNESSTYPE" val="Regular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23:59:00.0000000"/>
  <p:tag name="OTLENDDATE" val="2023-03-31T23:59:00.0000000"/>
  <p:tag name="OTLDURATIONFORMAT" val="day"/>
  <p:tag name="OTLSPACING" val="5"/>
  <p:tag name="OTLSHAPETHICKNESSTYPE" val="Regular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23:59:00.0000000"/>
  <p:tag name="OTLENDDATE" val="2023-03-31T23:59:00.0000000"/>
  <p:tag name="OTLDURATIONFORMAT" val="day"/>
  <p:tag name="OTLSPACING" val="5"/>
  <p:tag name="OTLSHAPETHICKNESSTYPE" val="Regula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23:59:00.0000000"/>
  <p:tag name="OTLENDDATE" val="2023-03-31T23:59:00.0000000"/>
  <p:tag name="OTLDURATIONFORMAT" val="day"/>
  <p:tag name="OTLSPACING" val="5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23:59:00.0000000Z"/>
  <p:tag name="OTLENDDATE" val="2023-06-30T23:59:00.0000000Z"/>
  <p:tag name="OTLDURATIONFORMAT" val="day"/>
  <p:tag name="OTLSPACING" val="5"/>
  <p:tag name="OTLSHAPETHICKNESSTYPE" val="Regula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23:59:00.0000000Z"/>
  <p:tag name="OTLENDDATE" val="2023-09-30T23:59:00.0000000Z"/>
  <p:tag name="OTLDURATIONFORMAT" val="day"/>
  <p:tag name="OTLSPACING" val="5"/>
  <p:tag name="OTLSHAPETHICKNESSTYPE" val="Regula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23:59:00.0000000Z"/>
  <p:tag name="OTLENDDATE" val="2023-09-30T23:59:00.0000000Z"/>
  <p:tag name="OTLDURATIONFORMAT" val="day"/>
  <p:tag name="OTLSPACING" val="5"/>
  <p:tag name="OTLSHAPETHICKNESSTYPE" val="Regula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23:59:00.0000000Z"/>
  <p:tag name="OTLENDDATE" val="2023-09-30T23:59:00.0000000Z"/>
  <p:tag name="OTLDURATIONFORMAT" val="day"/>
  <p:tag name="OTLSPACING" val="5"/>
  <p:tag name="OTLSHAPETHICKNESSTYPE" val="Regular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23:59:00.0000000Z"/>
  <p:tag name="OTLENDDATE" val="2023-09-30T23:59:00.0000000Z"/>
  <p:tag name="OTLDURATIONFORMAT" val="day"/>
  <p:tag name="OTLSPACING" val="5"/>
  <p:tag name="OTLSHAPETHICKNESSTYPE" val="Regular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01T23:59:00.0000000Z"/>
  <p:tag name="OTLENDDATE" val="2023-12-31T23:59:00.0000000Z"/>
  <p:tag name="OTLDURATIONFORMAT" val="day"/>
  <p:tag name="OTLSPACING" val="5"/>
  <p:tag name="OTLSHAPETHICKNESSTYPE" val="Regular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71</Words>
  <Application>Microsoft Office PowerPoint</Application>
  <PresentationFormat>Widescreen</PresentationFormat>
  <Paragraphs>11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Inter ExtraBold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7-31T15:21:00Z</dcterms:created>
  <dcterms:modified xsi:type="dcterms:W3CDTF">2023-09-07T14:27:12Z</dcterms:modified>
</cp:coreProperties>
</file>